
<file path=[Content_Types].xml><?xml version="1.0" encoding="utf-8"?>
<Types xmlns="http://schemas.openxmlformats.org/package/2006/content-types"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heme/theme2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69" r:id="rId10"/>
  </p:sldMasterIdLst>
  <p:notesMasterIdLst>
    <p:notesMasterId r:id="rId42"/>
  </p:notesMasterIdLst>
  <p:sldIdLst>
    <p:sldId id="262" r:id="rId11"/>
    <p:sldId id="267" r:id="rId12"/>
    <p:sldId id="268" r:id="rId13"/>
    <p:sldId id="271" r:id="rId14"/>
    <p:sldId id="272" r:id="rId15"/>
    <p:sldId id="273" r:id="rId16"/>
    <p:sldId id="274" r:id="rId17"/>
    <p:sldId id="275" r:id="rId18"/>
    <p:sldId id="278" r:id="rId19"/>
    <p:sldId id="276" r:id="rId20"/>
    <p:sldId id="277" r:id="rId21"/>
    <p:sldId id="280" r:id="rId22"/>
    <p:sldId id="279" r:id="rId23"/>
    <p:sldId id="290" r:id="rId24"/>
    <p:sldId id="281" r:id="rId25"/>
    <p:sldId id="282" r:id="rId26"/>
    <p:sldId id="283" r:id="rId27"/>
    <p:sldId id="285" r:id="rId28"/>
    <p:sldId id="287" r:id="rId29"/>
    <p:sldId id="288" r:id="rId30"/>
    <p:sldId id="289" r:id="rId31"/>
    <p:sldId id="291" r:id="rId32"/>
    <p:sldId id="292" r:id="rId33"/>
    <p:sldId id="293" r:id="rId34"/>
    <p:sldId id="294" r:id="rId35"/>
    <p:sldId id="295" r:id="rId36"/>
    <p:sldId id="296" r:id="rId37"/>
    <p:sldId id="297" r:id="rId38"/>
    <p:sldId id="269" r:id="rId39"/>
    <p:sldId id="298" r:id="rId40"/>
    <p:sldId id="270" r:id="rId41"/>
  </p:sldIdLst>
  <p:sldSz cx="9144000" cy="5143500" type="screen16x9"/>
  <p:notesSz cx="6858000" cy="9144000"/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4" userDrawn="1">
          <p15:clr>
            <a:srgbClr val="A4A3A4"/>
          </p15:clr>
        </p15:guide>
        <p15:guide id="2" pos="2880" userDrawn="1">
          <p15:clr>
            <a:srgbClr val="A4A3A4"/>
          </p15:clr>
        </p15:guide>
        <p15:guide id="3" orient="horz" pos="162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E85E5C"/>
    <a:srgbClr val="F08785"/>
    <a:srgbClr val="F5B5B5"/>
    <a:srgbClr val="94E5BA"/>
    <a:srgbClr val="99E7B7"/>
    <a:srgbClr val="4AD480"/>
    <a:srgbClr val="578BF7"/>
    <a:srgbClr val="3B54F5"/>
    <a:srgbClr val="73C2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11AA4BF-8C73-4196-B0C9-372CAC216896}" v="328" dt="2024-10-17T17:15:00.95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ijl, gemiddeld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7DF18680-E054-41AD-8BC1-D1AEF772440D}" styleName="Medium Style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76" autoAdjust="0"/>
  </p:normalViewPr>
  <p:slideViewPr>
    <p:cSldViewPr snapToGrid="0" showGuides="1">
      <p:cViewPr varScale="1">
        <p:scale>
          <a:sx n="146" d="100"/>
          <a:sy n="146" d="100"/>
        </p:scale>
        <p:origin x="630" y="114"/>
      </p:cViewPr>
      <p:guideLst>
        <p:guide orient="horz" pos="2164"/>
        <p:guide pos="2880"/>
        <p:guide orient="horz" pos="162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9" Type="http://schemas.openxmlformats.org/officeDocument/2006/relationships/slide" Target="slides/slide29.xml"/><Relationship Id="rId21" Type="http://schemas.openxmlformats.org/officeDocument/2006/relationships/slide" Target="slides/slide11.xml"/><Relationship Id="rId34" Type="http://schemas.openxmlformats.org/officeDocument/2006/relationships/slide" Target="slides/slide24.xml"/><Relationship Id="rId42" Type="http://schemas.openxmlformats.org/officeDocument/2006/relationships/notesMaster" Target="notesMasters/notesMaster1.xml"/><Relationship Id="rId47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9" Type="http://schemas.openxmlformats.org/officeDocument/2006/relationships/slide" Target="slides/slide1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slide" Target="slides/slide22.xml"/><Relationship Id="rId37" Type="http://schemas.openxmlformats.org/officeDocument/2006/relationships/slide" Target="slides/slide27.xml"/><Relationship Id="rId40" Type="http://schemas.openxmlformats.org/officeDocument/2006/relationships/slide" Target="slides/slide30.xml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slide" Target="slides/slide18.xml"/><Relationship Id="rId36" Type="http://schemas.openxmlformats.org/officeDocument/2006/relationships/slide" Target="slides/slide26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slide" Target="slides/slide21.xml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slide" Target="slides/slide20.xml"/><Relationship Id="rId35" Type="http://schemas.openxmlformats.org/officeDocument/2006/relationships/slide" Target="slides/slide25.xml"/><Relationship Id="rId43" Type="http://schemas.openxmlformats.org/officeDocument/2006/relationships/presProps" Target="presProps.xml"/><Relationship Id="rId48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openxmlformats.org/officeDocument/2006/relationships/slide" Target="slides/slide23.xml"/><Relationship Id="rId38" Type="http://schemas.openxmlformats.org/officeDocument/2006/relationships/slide" Target="slides/slide28.xml"/><Relationship Id="rId46" Type="http://schemas.openxmlformats.org/officeDocument/2006/relationships/tableStyles" Target="tableStyles.xml"/><Relationship Id="rId20" Type="http://schemas.openxmlformats.org/officeDocument/2006/relationships/slide" Target="slides/slide10.xml"/><Relationship Id="rId41" Type="http://schemas.openxmlformats.org/officeDocument/2006/relationships/slide" Target="slides/slide3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Nijhuis, M. (Michiel) (EBO_DSH)" userId="5901e7e0-4b53-4284-a8c1-53161a9e7861" providerId="ADAL" clId="{F11AA4BF-8C73-4196-B0C9-372CAC216896}"/>
    <pc:docChg chg="undo redo custSel addSld delSld modSld sldOrd modMainMaster">
      <pc:chgData name="Nijhuis, M. (Michiel) (EBO_DSH)" userId="5901e7e0-4b53-4284-a8c1-53161a9e7861" providerId="ADAL" clId="{F11AA4BF-8C73-4196-B0C9-372CAC216896}" dt="2024-10-17T17:15:00.958" v="1733" actId="58"/>
      <pc:docMkLst>
        <pc:docMk/>
      </pc:docMkLst>
      <pc:sldChg chg="addSp delSp modSp mod">
        <pc:chgData name="Nijhuis, M. (Michiel) (EBO_DSH)" userId="5901e7e0-4b53-4284-a8c1-53161a9e7861" providerId="ADAL" clId="{F11AA4BF-8C73-4196-B0C9-372CAC216896}" dt="2024-10-15T13:08:37.625" v="19" actId="21"/>
        <pc:sldMkLst>
          <pc:docMk/>
          <pc:sldMk cId="1096815133" sldId="262"/>
        </pc:sldMkLst>
        <pc:picChg chg="add del mod">
          <ac:chgData name="Nijhuis, M. (Michiel) (EBO_DSH)" userId="5901e7e0-4b53-4284-a8c1-53161a9e7861" providerId="ADAL" clId="{F11AA4BF-8C73-4196-B0C9-372CAC216896}" dt="2024-10-15T13:08:37.625" v="19" actId="21"/>
          <ac:picMkLst>
            <pc:docMk/>
            <pc:sldMk cId="1096815133" sldId="262"/>
            <ac:picMk id="4" creationId="{8BF5175C-F00A-0ED3-9118-AA5FE7C58269}"/>
          </ac:picMkLst>
        </pc:picChg>
      </pc:sldChg>
      <pc:sldChg chg="modSp mod">
        <pc:chgData name="Nijhuis, M. (Michiel) (EBO_DSH)" userId="5901e7e0-4b53-4284-a8c1-53161a9e7861" providerId="ADAL" clId="{F11AA4BF-8C73-4196-B0C9-372CAC216896}" dt="2024-10-17T17:12:44.425" v="1732" actId="20577"/>
        <pc:sldMkLst>
          <pc:docMk/>
          <pc:sldMk cId="330705974" sldId="267"/>
        </pc:sldMkLst>
        <pc:spChg chg="mod">
          <ac:chgData name="Nijhuis, M. (Michiel) (EBO_DSH)" userId="5901e7e0-4b53-4284-a8c1-53161a9e7861" providerId="ADAL" clId="{F11AA4BF-8C73-4196-B0C9-372CAC216896}" dt="2024-10-17T17:12:44.425" v="1732" actId="20577"/>
          <ac:spMkLst>
            <pc:docMk/>
            <pc:sldMk cId="330705974" sldId="267"/>
            <ac:spMk id="4" creationId="{FB9F2164-9F7B-842A-CB56-2AB905524C04}"/>
          </ac:spMkLst>
        </pc:spChg>
      </pc:sldChg>
      <pc:sldChg chg="addSp delSp modSp mod">
        <pc:chgData name="Nijhuis, M. (Michiel) (EBO_DSH)" userId="5901e7e0-4b53-4284-a8c1-53161a9e7861" providerId="ADAL" clId="{F11AA4BF-8C73-4196-B0C9-372CAC216896}" dt="2024-10-15T08:29:57.312" v="3"/>
        <pc:sldMkLst>
          <pc:docMk/>
          <pc:sldMk cId="4157281334" sldId="268"/>
        </pc:sldMkLst>
        <pc:spChg chg="del mod">
          <ac:chgData name="Nijhuis, M. (Michiel) (EBO_DSH)" userId="5901e7e0-4b53-4284-a8c1-53161a9e7861" providerId="ADAL" clId="{F11AA4BF-8C73-4196-B0C9-372CAC216896}" dt="2024-10-15T08:29:57.312" v="3"/>
          <ac:spMkLst>
            <pc:docMk/>
            <pc:sldMk cId="4157281334" sldId="268"/>
            <ac:spMk id="6" creationId="{7714ED9D-F655-5F92-A05D-5F4B9E0963EE}"/>
          </ac:spMkLst>
        </pc:spChg>
        <pc:picChg chg="add mod">
          <ac:chgData name="Nijhuis, M. (Michiel) (EBO_DSH)" userId="5901e7e0-4b53-4284-a8c1-53161a9e7861" providerId="ADAL" clId="{F11AA4BF-8C73-4196-B0C9-372CAC216896}" dt="2024-10-15T08:29:57.312" v="3"/>
          <ac:picMkLst>
            <pc:docMk/>
            <pc:sldMk cId="4157281334" sldId="268"/>
            <ac:picMk id="7" creationId="{F140A479-816C-B8CB-154E-DC412D895ABF}"/>
          </ac:picMkLst>
        </pc:picChg>
      </pc:sldChg>
      <pc:sldChg chg="addSp delSp modSp mod">
        <pc:chgData name="Nijhuis, M. (Michiel) (EBO_DSH)" userId="5901e7e0-4b53-4284-a8c1-53161a9e7861" providerId="ADAL" clId="{F11AA4BF-8C73-4196-B0C9-372CAC216896}" dt="2024-10-15T08:32:35.149" v="14" actId="948"/>
        <pc:sldMkLst>
          <pc:docMk/>
          <pc:sldMk cId="546370651" sldId="269"/>
        </pc:sldMkLst>
        <pc:spChg chg="del">
          <ac:chgData name="Nijhuis, M. (Michiel) (EBO_DSH)" userId="5901e7e0-4b53-4284-a8c1-53161a9e7861" providerId="ADAL" clId="{F11AA4BF-8C73-4196-B0C9-372CAC216896}" dt="2024-10-15T08:29:51.211" v="1" actId="931"/>
          <ac:spMkLst>
            <pc:docMk/>
            <pc:sldMk cId="546370651" sldId="269"/>
            <ac:spMk id="2" creationId="{4335F40A-9AE3-BE92-5E01-C568D444C99A}"/>
          </ac:spMkLst>
        </pc:spChg>
        <pc:spChg chg="mod">
          <ac:chgData name="Nijhuis, M. (Michiel) (EBO_DSH)" userId="5901e7e0-4b53-4284-a8c1-53161a9e7861" providerId="ADAL" clId="{F11AA4BF-8C73-4196-B0C9-372CAC216896}" dt="2024-10-15T08:32:35.149" v="14" actId="948"/>
          <ac:spMkLst>
            <pc:docMk/>
            <pc:sldMk cId="546370651" sldId="269"/>
            <ac:spMk id="3" creationId="{43B3BAD7-2946-D879-8195-071DB3F21278}"/>
          </ac:spMkLst>
        </pc:spChg>
        <pc:spChg chg="add del mod">
          <ac:chgData name="Nijhuis, M. (Michiel) (EBO_DSH)" userId="5901e7e0-4b53-4284-a8c1-53161a9e7861" providerId="ADAL" clId="{F11AA4BF-8C73-4196-B0C9-372CAC216896}" dt="2024-10-15T08:32:06.976" v="7" actId="931"/>
          <ac:spMkLst>
            <pc:docMk/>
            <pc:sldMk cId="546370651" sldId="269"/>
            <ac:spMk id="9" creationId="{AAA8A113-2007-98AC-3ABA-FE7E1DD3B4A9}"/>
          </ac:spMkLst>
        </pc:spChg>
        <pc:picChg chg="add del mod">
          <ac:chgData name="Nijhuis, M. (Michiel) (EBO_DSH)" userId="5901e7e0-4b53-4284-a8c1-53161a9e7861" providerId="ADAL" clId="{F11AA4BF-8C73-4196-B0C9-372CAC216896}" dt="2024-10-15T08:31:56.735" v="6" actId="478"/>
          <ac:picMkLst>
            <pc:docMk/>
            <pc:sldMk cId="546370651" sldId="269"/>
            <ac:picMk id="5" creationId="{00ABA5FF-AD11-8B52-29CF-47B53715D412}"/>
          </ac:picMkLst>
        </pc:picChg>
        <pc:picChg chg="add del mod">
          <ac:chgData name="Nijhuis, M. (Michiel) (EBO_DSH)" userId="5901e7e0-4b53-4284-a8c1-53161a9e7861" providerId="ADAL" clId="{F11AA4BF-8C73-4196-B0C9-372CAC216896}" dt="2024-10-15T08:31:55.090" v="5" actId="478"/>
          <ac:picMkLst>
            <pc:docMk/>
            <pc:sldMk cId="546370651" sldId="269"/>
            <ac:picMk id="7" creationId="{81606B2D-E733-188E-EEEC-6D69B849F659}"/>
          </ac:picMkLst>
        </pc:picChg>
        <pc:picChg chg="add mod">
          <ac:chgData name="Nijhuis, M. (Michiel) (EBO_DSH)" userId="5901e7e0-4b53-4284-a8c1-53161a9e7861" providerId="ADAL" clId="{F11AA4BF-8C73-4196-B0C9-372CAC216896}" dt="2024-10-15T08:32:12.518" v="8" actId="27614"/>
          <ac:picMkLst>
            <pc:docMk/>
            <pc:sldMk cId="546370651" sldId="269"/>
            <ac:picMk id="11" creationId="{4DA76372-857E-2B5E-1BFA-7A3A484B9691}"/>
          </ac:picMkLst>
        </pc:picChg>
      </pc:sldChg>
      <pc:sldChg chg="addSp delSp modSp">
        <pc:chgData name="Nijhuis, M. (Michiel) (EBO_DSH)" userId="5901e7e0-4b53-4284-a8c1-53161a9e7861" providerId="ADAL" clId="{F11AA4BF-8C73-4196-B0C9-372CAC216896}" dt="2024-10-15T08:25:43.723" v="0" actId="931"/>
        <pc:sldMkLst>
          <pc:docMk/>
          <pc:sldMk cId="437602172" sldId="270"/>
        </pc:sldMkLst>
        <pc:spChg chg="del">
          <ac:chgData name="Nijhuis, M. (Michiel) (EBO_DSH)" userId="5901e7e0-4b53-4284-a8c1-53161a9e7861" providerId="ADAL" clId="{F11AA4BF-8C73-4196-B0C9-372CAC216896}" dt="2024-10-15T08:25:43.723" v="0" actId="931"/>
          <ac:spMkLst>
            <pc:docMk/>
            <pc:sldMk cId="437602172" sldId="270"/>
            <ac:spMk id="2" creationId="{B4EE7306-CB63-E069-192F-5B8C6AC30D1E}"/>
          </ac:spMkLst>
        </pc:spChg>
        <pc:picChg chg="add mod">
          <ac:chgData name="Nijhuis, M. (Michiel) (EBO_DSH)" userId="5901e7e0-4b53-4284-a8c1-53161a9e7861" providerId="ADAL" clId="{F11AA4BF-8C73-4196-B0C9-372CAC216896}" dt="2024-10-15T08:25:43.723" v="0" actId="931"/>
          <ac:picMkLst>
            <pc:docMk/>
            <pc:sldMk cId="437602172" sldId="270"/>
            <ac:picMk id="5" creationId="{62898810-2A59-E7B2-1FA4-06325E9C9B75}"/>
          </ac:picMkLst>
        </pc:picChg>
      </pc:sldChg>
      <pc:sldChg chg="addSp delSp modSp new mod chgLayout">
        <pc:chgData name="Nijhuis, M. (Michiel) (EBO_DSH)" userId="5901e7e0-4b53-4284-a8c1-53161a9e7861" providerId="ADAL" clId="{F11AA4BF-8C73-4196-B0C9-372CAC216896}" dt="2024-10-17T17:15:00.958" v="1733" actId="58"/>
        <pc:sldMkLst>
          <pc:docMk/>
          <pc:sldMk cId="3235161336" sldId="271"/>
        </pc:sldMkLst>
        <pc:spChg chg="del">
          <ac:chgData name="Nijhuis, M. (Michiel) (EBO_DSH)" userId="5901e7e0-4b53-4284-a8c1-53161a9e7861" providerId="ADAL" clId="{F11AA4BF-8C73-4196-B0C9-372CAC216896}" dt="2024-10-15T15:40:36.889" v="33" actId="700"/>
          <ac:spMkLst>
            <pc:docMk/>
            <pc:sldMk cId="3235161336" sldId="271"/>
            <ac:spMk id="2" creationId="{DB079694-02A6-9FC6-0C3D-2AFBBAF46A3A}"/>
          </ac:spMkLst>
        </pc:spChg>
        <pc:spChg chg="del mod ord">
          <ac:chgData name="Nijhuis, M. (Michiel) (EBO_DSH)" userId="5901e7e0-4b53-4284-a8c1-53161a9e7861" providerId="ADAL" clId="{F11AA4BF-8C73-4196-B0C9-372CAC216896}" dt="2024-10-15T15:40:36.889" v="33" actId="700"/>
          <ac:spMkLst>
            <pc:docMk/>
            <pc:sldMk cId="3235161336" sldId="271"/>
            <ac:spMk id="3" creationId="{AC263685-6F05-6824-CD13-5C49FA6711DC}"/>
          </ac:spMkLst>
        </pc:spChg>
        <pc:spChg chg="add mod ord">
          <ac:chgData name="Nijhuis, M. (Michiel) (EBO_DSH)" userId="5901e7e0-4b53-4284-a8c1-53161a9e7861" providerId="ADAL" clId="{F11AA4BF-8C73-4196-B0C9-372CAC216896}" dt="2024-10-17T10:58:49.892" v="511" actId="20577"/>
          <ac:spMkLst>
            <pc:docMk/>
            <pc:sldMk cId="3235161336" sldId="271"/>
            <ac:spMk id="4" creationId="{AB2B8205-06C4-A05B-FB59-D7645D1D680E}"/>
          </ac:spMkLst>
        </pc:spChg>
        <pc:spChg chg="add mod ord">
          <ac:chgData name="Nijhuis, M. (Michiel) (EBO_DSH)" userId="5901e7e0-4b53-4284-a8c1-53161a9e7861" providerId="ADAL" clId="{F11AA4BF-8C73-4196-B0C9-372CAC216896}" dt="2024-10-16T06:38:48.047" v="108" actId="14100"/>
          <ac:spMkLst>
            <pc:docMk/>
            <pc:sldMk cId="3235161336" sldId="271"/>
            <ac:spMk id="5" creationId="{38C893F8-6C8C-A681-8A3F-99076FFE49FE}"/>
          </ac:spMkLst>
        </pc:spChg>
        <pc:spChg chg="add del mod">
          <ac:chgData name="Nijhuis, M. (Michiel) (EBO_DSH)" userId="5901e7e0-4b53-4284-a8c1-53161a9e7861" providerId="ADAL" clId="{F11AA4BF-8C73-4196-B0C9-372CAC216896}" dt="2024-10-15T15:41:54.960" v="51" actId="478"/>
          <ac:spMkLst>
            <pc:docMk/>
            <pc:sldMk cId="3235161336" sldId="271"/>
            <ac:spMk id="6" creationId="{8E868B93-C7EF-CD68-C919-DE9022F328CF}"/>
          </ac:spMkLst>
        </pc:spChg>
        <pc:spChg chg="add">
          <ac:chgData name="Nijhuis, M. (Michiel) (EBO_DSH)" userId="5901e7e0-4b53-4284-a8c1-53161a9e7861" providerId="ADAL" clId="{F11AA4BF-8C73-4196-B0C9-372CAC216896}" dt="2024-10-15T15:43:14.987" v="52"/>
          <ac:spMkLst>
            <pc:docMk/>
            <pc:sldMk cId="3235161336" sldId="271"/>
            <ac:spMk id="7" creationId="{378BCBF3-9D07-EC1E-B225-B8B145957A4C}"/>
          </ac:spMkLst>
        </pc:spChg>
        <pc:spChg chg="add">
          <ac:chgData name="Nijhuis, M. (Michiel) (EBO_DSH)" userId="5901e7e0-4b53-4284-a8c1-53161a9e7861" providerId="ADAL" clId="{F11AA4BF-8C73-4196-B0C9-372CAC216896}" dt="2024-10-15T15:43:14.987" v="52"/>
          <ac:spMkLst>
            <pc:docMk/>
            <pc:sldMk cId="3235161336" sldId="271"/>
            <ac:spMk id="8" creationId="{094D7FE3-E26E-2C33-E898-1500404D45BC}"/>
          </ac:spMkLst>
        </pc:spChg>
        <pc:spChg chg="add del mod">
          <ac:chgData name="Nijhuis, M. (Michiel) (EBO_DSH)" userId="5901e7e0-4b53-4284-a8c1-53161a9e7861" providerId="ADAL" clId="{F11AA4BF-8C73-4196-B0C9-372CAC216896}" dt="2024-10-15T15:51:10.364" v="62"/>
          <ac:spMkLst>
            <pc:docMk/>
            <pc:sldMk cId="3235161336" sldId="271"/>
            <ac:spMk id="9" creationId="{64F2B7C6-9CCA-96EA-AAD7-226DAD069994}"/>
          </ac:spMkLst>
        </pc:spChg>
        <pc:spChg chg="add del mod">
          <ac:chgData name="Nijhuis, M. (Michiel) (EBO_DSH)" userId="5901e7e0-4b53-4284-a8c1-53161a9e7861" providerId="ADAL" clId="{F11AA4BF-8C73-4196-B0C9-372CAC216896}" dt="2024-10-16T06:33:54.212" v="70" actId="478"/>
          <ac:spMkLst>
            <pc:docMk/>
            <pc:sldMk cId="3235161336" sldId="271"/>
            <ac:spMk id="10" creationId="{31D28003-4FFA-CD5A-514B-3FB7B345046D}"/>
          </ac:spMkLst>
        </pc:spChg>
        <pc:spChg chg="add del mod">
          <ac:chgData name="Nijhuis, M. (Michiel) (EBO_DSH)" userId="5901e7e0-4b53-4284-a8c1-53161a9e7861" providerId="ADAL" clId="{F11AA4BF-8C73-4196-B0C9-372CAC216896}" dt="2024-10-16T06:36:48.242" v="86" actId="478"/>
          <ac:spMkLst>
            <pc:docMk/>
            <pc:sldMk cId="3235161336" sldId="271"/>
            <ac:spMk id="11" creationId="{8DF4CEE2-0841-778C-DC72-EAC5E8721668}"/>
          </ac:spMkLst>
        </pc:spChg>
        <pc:spChg chg="add del mod">
          <ac:chgData name="Nijhuis, M. (Michiel) (EBO_DSH)" userId="5901e7e0-4b53-4284-a8c1-53161a9e7861" providerId="ADAL" clId="{F11AA4BF-8C73-4196-B0C9-372CAC216896}" dt="2024-10-16T06:33:46.235" v="69" actId="478"/>
          <ac:spMkLst>
            <pc:docMk/>
            <pc:sldMk cId="3235161336" sldId="271"/>
            <ac:spMk id="12" creationId="{A381E060-DB82-BFB9-91E6-972075A220CD}"/>
          </ac:spMkLst>
        </pc:spChg>
        <pc:spChg chg="add del mod">
          <ac:chgData name="Nijhuis, M. (Michiel) (EBO_DSH)" userId="5901e7e0-4b53-4284-a8c1-53161a9e7861" providerId="ADAL" clId="{F11AA4BF-8C73-4196-B0C9-372CAC216896}" dt="2024-10-16T06:35:17.102" v="76" actId="478"/>
          <ac:spMkLst>
            <pc:docMk/>
            <pc:sldMk cId="3235161336" sldId="271"/>
            <ac:spMk id="14" creationId="{A397DF74-91BA-D843-A014-D17779A57F52}"/>
          </ac:spMkLst>
        </pc:spChg>
        <pc:spChg chg="add del mod">
          <ac:chgData name="Nijhuis, M. (Michiel) (EBO_DSH)" userId="5901e7e0-4b53-4284-a8c1-53161a9e7861" providerId="ADAL" clId="{F11AA4BF-8C73-4196-B0C9-372CAC216896}" dt="2024-10-16T06:35:34.563" v="79" actId="478"/>
          <ac:spMkLst>
            <pc:docMk/>
            <pc:sldMk cId="3235161336" sldId="271"/>
            <ac:spMk id="16" creationId="{D2D25567-7A91-E323-AEF2-96FBBCC9F9BC}"/>
          </ac:spMkLst>
        </pc:spChg>
        <pc:spChg chg="add mod">
          <ac:chgData name="Nijhuis, M. (Michiel) (EBO_DSH)" userId="5901e7e0-4b53-4284-a8c1-53161a9e7861" providerId="ADAL" clId="{F11AA4BF-8C73-4196-B0C9-372CAC216896}" dt="2024-10-17T17:15:00.958" v="1733" actId="58"/>
          <ac:spMkLst>
            <pc:docMk/>
            <pc:sldMk cId="3235161336" sldId="271"/>
            <ac:spMk id="17" creationId="{7A761B53-241C-0D9E-714D-1655A5CB42A2}"/>
          </ac:spMkLst>
        </pc:spChg>
        <pc:spChg chg="add del">
          <ac:chgData name="Nijhuis, M. (Michiel) (EBO_DSH)" userId="5901e7e0-4b53-4284-a8c1-53161a9e7861" providerId="ADAL" clId="{F11AA4BF-8C73-4196-B0C9-372CAC216896}" dt="2024-10-16T06:38:21.824" v="101" actId="22"/>
          <ac:spMkLst>
            <pc:docMk/>
            <pc:sldMk cId="3235161336" sldId="271"/>
            <ac:spMk id="19" creationId="{50ABA676-1C1E-C4D1-DEB0-AA19C9F4DB4C}"/>
          </ac:spMkLst>
        </pc:spChg>
        <pc:picChg chg="add mod">
          <ac:chgData name="Nijhuis, M. (Michiel) (EBO_DSH)" userId="5901e7e0-4b53-4284-a8c1-53161a9e7861" providerId="ADAL" clId="{F11AA4BF-8C73-4196-B0C9-372CAC216896}" dt="2024-10-16T06:38:44.219" v="107" actId="1076"/>
          <ac:picMkLst>
            <pc:docMk/>
            <pc:sldMk cId="3235161336" sldId="271"/>
            <ac:picMk id="20" creationId="{2D9C526E-818E-29E4-3C95-EC84214AFA5A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29" creationId="{F82C0E86-BA2D-B12B-3198-3E45C670F50F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0" creationId="{032FFB99-1519-1835-B60A-F25CDE28ED98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1" creationId="{8DAC2532-0C1B-9F54-5FAB-81ED4F0DF6AB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2" creationId="{81B90404-F8BB-4166-A1FD-A0E4DDC4319D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3" creationId="{DB18E431-F3D3-8845-DF8D-B1F329081057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4" creationId="{AB995179-527D-A802-B693-0F55D3CB8A9C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5" creationId="{D1245EF6-CD80-C9E1-AC64-CF3710EB198B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6" creationId="{1B805D4C-37D5-5F29-AA39-7F3102D2DB31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7" creationId="{5C7A59AC-4044-DE09-3F90-E2250D2F9B71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8" creationId="{AF7D5FF1-8878-E7CD-1D7A-9E564B1D81D7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39" creationId="{B375E457-A93B-831D-076A-67BD0B5667DD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0" creationId="{D48BD4C4-6E06-5AC5-17F7-417CCD2E6CC7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1" creationId="{0BE7AB14-138F-97AD-BBE7-C750A454E805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2" creationId="{7C11AB32-F07C-6970-6D9E-78EA68A72425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3" creationId="{CB848AA7-750D-F20A-BC35-0E77D17B309A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4" creationId="{9786580B-87DA-48C5-46FC-327252A9192A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5" creationId="{D20BBB72-F4B3-C7F8-F490-032AD29BCECD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6" creationId="{DA703478-43AE-DD84-7A00-1FFF757416D4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7" creationId="{CED5A67E-8AC0-CEEA-48B3-F9EF507E89FF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8" creationId="{941A6E55-3883-68F3-A76C-50DA729663B9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49" creationId="{393C4897-DFA3-5752-2A1A-F9FCE57999DA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50" creationId="{DDF7398C-7942-4C8F-02C4-6D91DA45BD0B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51" creationId="{BCBCDF24-0BB0-0D96-1ED5-DB2C9BAA34BA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52" creationId="{79BFDC8C-B91B-2621-457B-59C3F4E89C03}"/>
          </ac:picMkLst>
        </pc:picChg>
        <pc:picChg chg="add">
          <ac:chgData name="Nijhuis, M. (Michiel) (EBO_DSH)" userId="5901e7e0-4b53-4284-a8c1-53161a9e7861" providerId="ADAL" clId="{F11AA4BF-8C73-4196-B0C9-372CAC216896}" dt="2024-10-15T15:43:14.987" v="52"/>
          <ac:picMkLst>
            <pc:docMk/>
            <pc:sldMk cId="3235161336" sldId="271"/>
            <ac:picMk id="1053" creationId="{143A4777-52DF-8E7C-C926-2CCE215B2D1E}"/>
          </ac:picMkLst>
        </pc:picChg>
      </pc:sldChg>
      <pc:sldChg chg="addSp delSp modSp add mod">
        <pc:chgData name="Nijhuis, M. (Michiel) (EBO_DSH)" userId="5901e7e0-4b53-4284-a8c1-53161a9e7861" providerId="ADAL" clId="{F11AA4BF-8C73-4196-B0C9-372CAC216896}" dt="2024-10-17T10:58:53.992" v="517" actId="20577"/>
        <pc:sldMkLst>
          <pc:docMk/>
          <pc:sldMk cId="1739273935" sldId="272"/>
        </pc:sldMkLst>
        <pc:spChg chg="add mod">
          <ac:chgData name="Nijhuis, M. (Michiel) (EBO_DSH)" userId="5901e7e0-4b53-4284-a8c1-53161a9e7861" providerId="ADAL" clId="{F11AA4BF-8C73-4196-B0C9-372CAC216896}" dt="2024-10-17T06:06:23.138" v="466" actId="20577"/>
          <ac:spMkLst>
            <pc:docMk/>
            <pc:sldMk cId="1739273935" sldId="272"/>
            <ac:spMk id="3" creationId="{D532D7F1-C913-2810-CB49-E287F984FD04}"/>
          </ac:spMkLst>
        </pc:spChg>
        <pc:spChg chg="mod">
          <ac:chgData name="Nijhuis, M. (Michiel) (EBO_DSH)" userId="5901e7e0-4b53-4284-a8c1-53161a9e7861" providerId="ADAL" clId="{F11AA4BF-8C73-4196-B0C9-372CAC216896}" dt="2024-10-17T10:58:53.992" v="517" actId="20577"/>
          <ac:spMkLst>
            <pc:docMk/>
            <pc:sldMk cId="1739273935" sldId="272"/>
            <ac:spMk id="4" creationId="{AB2B8205-06C4-A05B-FB59-D7645D1D680E}"/>
          </ac:spMkLst>
        </pc:spChg>
        <pc:spChg chg="mod">
          <ac:chgData name="Nijhuis, M. (Michiel) (EBO_DSH)" userId="5901e7e0-4b53-4284-a8c1-53161a9e7861" providerId="ADAL" clId="{F11AA4BF-8C73-4196-B0C9-372CAC216896}" dt="2024-10-17T06:00:17.128" v="380" actId="20577"/>
          <ac:spMkLst>
            <pc:docMk/>
            <pc:sldMk cId="1739273935" sldId="272"/>
            <ac:spMk id="5" creationId="{38C893F8-6C8C-A681-8A3F-99076FFE49FE}"/>
          </ac:spMkLst>
        </pc:spChg>
        <pc:spChg chg="del">
          <ac:chgData name="Nijhuis, M. (Michiel) (EBO_DSH)" userId="5901e7e0-4b53-4284-a8c1-53161a9e7861" providerId="ADAL" clId="{F11AA4BF-8C73-4196-B0C9-372CAC216896}" dt="2024-10-16T06:41:16.771" v="130" actId="478"/>
          <ac:spMkLst>
            <pc:docMk/>
            <pc:sldMk cId="1739273935" sldId="272"/>
            <ac:spMk id="17" creationId="{7A761B53-241C-0D9E-714D-1655A5CB42A2}"/>
          </ac:spMkLst>
        </pc:spChg>
        <pc:picChg chg="add mod modCrop">
          <ac:chgData name="Nijhuis, M. (Michiel) (EBO_DSH)" userId="5901e7e0-4b53-4284-a8c1-53161a9e7861" providerId="ADAL" clId="{F11AA4BF-8C73-4196-B0C9-372CAC216896}" dt="2024-10-16T06:40:49.096" v="127" actId="1076"/>
          <ac:picMkLst>
            <pc:docMk/>
            <pc:sldMk cId="1739273935" sldId="272"/>
            <ac:picMk id="2" creationId="{5EFCBB3C-32FA-2FB5-9A48-175624A3AE25}"/>
          </ac:picMkLst>
        </pc:picChg>
        <pc:picChg chg="del">
          <ac:chgData name="Nijhuis, M. (Michiel) (EBO_DSH)" userId="5901e7e0-4b53-4284-a8c1-53161a9e7861" providerId="ADAL" clId="{F11AA4BF-8C73-4196-B0C9-372CAC216896}" dt="2024-10-16T06:40:22.264" v="120" actId="478"/>
          <ac:picMkLst>
            <pc:docMk/>
            <pc:sldMk cId="1739273935" sldId="272"/>
            <ac:picMk id="20" creationId="{2D9C526E-818E-29E4-3C95-EC84214AFA5A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2:05:03.642" v="529" actId="1076"/>
        <pc:sldMkLst>
          <pc:docMk/>
          <pc:sldMk cId="1141789070" sldId="273"/>
        </pc:sldMkLst>
        <pc:spChg chg="mod">
          <ac:chgData name="Nijhuis, M. (Michiel) (EBO_DSH)" userId="5901e7e0-4b53-4284-a8c1-53161a9e7861" providerId="ADAL" clId="{F11AA4BF-8C73-4196-B0C9-372CAC216896}" dt="2024-10-17T10:58:39.638" v="487" actId="20577"/>
          <ac:spMkLst>
            <pc:docMk/>
            <pc:sldMk cId="1141789070" sldId="273"/>
            <ac:spMk id="2" creationId="{D5B4DE51-0DD2-45F1-5F86-55B407D3932C}"/>
          </ac:spMkLst>
        </pc:spChg>
        <pc:spChg chg="del">
          <ac:chgData name="Nijhuis, M. (Michiel) (EBO_DSH)" userId="5901e7e0-4b53-4284-a8c1-53161a9e7861" providerId="ADAL" clId="{F11AA4BF-8C73-4196-B0C9-372CAC216896}" dt="2024-10-17T10:58:59.467" v="518" actId="478"/>
          <ac:spMkLst>
            <pc:docMk/>
            <pc:sldMk cId="1141789070" sldId="273"/>
            <ac:spMk id="4" creationId="{72D43600-AE83-34C6-28BB-2F0591E10AA1}"/>
          </ac:spMkLst>
        </pc:spChg>
        <pc:spChg chg="add mod">
          <ac:chgData name="Nijhuis, M. (Michiel) (EBO_DSH)" userId="5901e7e0-4b53-4284-a8c1-53161a9e7861" providerId="ADAL" clId="{F11AA4BF-8C73-4196-B0C9-372CAC216896}" dt="2024-10-17T12:03:15.049" v="523" actId="1076"/>
          <ac:spMkLst>
            <pc:docMk/>
            <pc:sldMk cId="1141789070" sldId="273"/>
            <ac:spMk id="6" creationId="{65AB5131-75F6-90AD-3D25-492B38AABE46}"/>
          </ac:spMkLst>
        </pc:spChg>
        <pc:picChg chg="add mod">
          <ac:chgData name="Nijhuis, M. (Michiel) (EBO_DSH)" userId="5901e7e0-4b53-4284-a8c1-53161a9e7861" providerId="ADAL" clId="{F11AA4BF-8C73-4196-B0C9-372CAC216896}" dt="2024-10-17T12:05:03.642" v="529" actId="1076"/>
          <ac:picMkLst>
            <pc:docMk/>
            <pc:sldMk cId="1141789070" sldId="273"/>
            <ac:picMk id="8" creationId="{9D675823-88D8-4578-6013-B3BD5E198901}"/>
          </ac:picMkLst>
        </pc:picChg>
      </pc:sldChg>
      <pc:sldChg chg="addSp delSp modSp new mod modClrScheme chgLayout">
        <pc:chgData name="Nijhuis, M. (Michiel) (EBO_DSH)" userId="5901e7e0-4b53-4284-a8c1-53161a9e7861" providerId="ADAL" clId="{F11AA4BF-8C73-4196-B0C9-372CAC216896}" dt="2024-10-17T12:13:05.609" v="561" actId="20577"/>
        <pc:sldMkLst>
          <pc:docMk/>
          <pc:sldMk cId="1489653566" sldId="274"/>
        </pc:sldMkLst>
        <pc:spChg chg="add del mod">
          <ac:chgData name="Nijhuis, M. (Michiel) (EBO_DSH)" userId="5901e7e0-4b53-4284-a8c1-53161a9e7861" providerId="ADAL" clId="{F11AA4BF-8C73-4196-B0C9-372CAC216896}" dt="2024-10-17T12:13:05.609" v="561" actId="20577"/>
          <ac:spMkLst>
            <pc:docMk/>
            <pc:sldMk cId="1489653566" sldId="274"/>
            <ac:spMk id="2" creationId="{A712FE71-FCCB-87D4-2D5D-3CD8BE5635DA}"/>
          </ac:spMkLst>
        </pc:spChg>
        <pc:spChg chg="mod">
          <ac:chgData name="Nijhuis, M. (Michiel) (EBO_DSH)" userId="5901e7e0-4b53-4284-a8c1-53161a9e7861" providerId="ADAL" clId="{F11AA4BF-8C73-4196-B0C9-372CAC216896}" dt="2024-10-17T12:12:37.056" v="544" actId="26606"/>
          <ac:spMkLst>
            <pc:docMk/>
            <pc:sldMk cId="1489653566" sldId="274"/>
            <ac:spMk id="3" creationId="{F6C15863-4390-80C4-2267-99D392C71754}"/>
          </ac:spMkLst>
        </pc:spChg>
        <pc:spChg chg="del">
          <ac:chgData name="Nijhuis, M. (Michiel) (EBO_DSH)" userId="5901e7e0-4b53-4284-a8c1-53161a9e7861" providerId="ADAL" clId="{F11AA4BF-8C73-4196-B0C9-372CAC216896}" dt="2024-10-17T12:05:52.514" v="534" actId="478"/>
          <ac:spMkLst>
            <pc:docMk/>
            <pc:sldMk cId="1489653566" sldId="274"/>
            <ac:spMk id="4" creationId="{8F1BBBFF-FFA0-B1A1-D5B2-26FF15734D65}"/>
          </ac:spMkLst>
        </pc:spChg>
        <pc:spChg chg="add mod">
          <ac:chgData name="Nijhuis, M. (Michiel) (EBO_DSH)" userId="5901e7e0-4b53-4284-a8c1-53161a9e7861" providerId="ADAL" clId="{F11AA4BF-8C73-4196-B0C9-372CAC216896}" dt="2024-10-17T12:12:42.393" v="545" actId="14100"/>
          <ac:spMkLst>
            <pc:docMk/>
            <pc:sldMk cId="1489653566" sldId="274"/>
            <ac:spMk id="7" creationId="{B34C2AAA-DBB0-A20E-6450-EF4117BD8331}"/>
          </ac:spMkLst>
        </pc:spChg>
        <pc:spChg chg="add del mod">
          <ac:chgData name="Nijhuis, M. (Michiel) (EBO_DSH)" userId="5901e7e0-4b53-4284-a8c1-53161a9e7861" providerId="ADAL" clId="{F11AA4BF-8C73-4196-B0C9-372CAC216896}" dt="2024-10-17T12:12:37.056" v="544" actId="26606"/>
          <ac:spMkLst>
            <pc:docMk/>
            <pc:sldMk cId="1489653566" sldId="274"/>
            <ac:spMk id="2055" creationId="{5D63BDE5-FE03-CFFB-0E38-6ACC670D4DE2}"/>
          </ac:spMkLst>
        </pc:spChg>
        <pc:picChg chg="add del mod">
          <ac:chgData name="Nijhuis, M. (Michiel) (EBO_DSH)" userId="5901e7e0-4b53-4284-a8c1-53161a9e7861" providerId="ADAL" clId="{F11AA4BF-8C73-4196-B0C9-372CAC216896}" dt="2024-10-17T12:12:07.144" v="540" actId="478"/>
          <ac:picMkLst>
            <pc:docMk/>
            <pc:sldMk cId="1489653566" sldId="274"/>
            <ac:picMk id="5" creationId="{17611F03-30E5-49E5-2B28-BDE483AF1936}"/>
          </ac:picMkLst>
        </pc:picChg>
        <pc:picChg chg="add mod">
          <ac:chgData name="Nijhuis, M. (Michiel) (EBO_DSH)" userId="5901e7e0-4b53-4284-a8c1-53161a9e7861" providerId="ADAL" clId="{F11AA4BF-8C73-4196-B0C9-372CAC216896}" dt="2024-10-17T12:12:45.785" v="546" actId="1076"/>
          <ac:picMkLst>
            <pc:docMk/>
            <pc:sldMk cId="1489653566" sldId="274"/>
            <ac:picMk id="2050" creationId="{985E932D-E7DC-54A9-CF9B-E168226F49A2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2:13:53.392" v="585" actId="1076"/>
        <pc:sldMkLst>
          <pc:docMk/>
          <pc:sldMk cId="175181841" sldId="275"/>
        </pc:sldMkLst>
        <pc:spChg chg="mod">
          <ac:chgData name="Nijhuis, M. (Michiel) (EBO_DSH)" userId="5901e7e0-4b53-4284-a8c1-53161a9e7861" providerId="ADAL" clId="{F11AA4BF-8C73-4196-B0C9-372CAC216896}" dt="2024-10-17T12:13:31.212" v="577" actId="20577"/>
          <ac:spMkLst>
            <pc:docMk/>
            <pc:sldMk cId="175181841" sldId="275"/>
            <ac:spMk id="2" creationId="{65186440-B421-1F0D-4829-E6D50CF4FC2E}"/>
          </ac:spMkLst>
        </pc:spChg>
        <pc:spChg chg="del">
          <ac:chgData name="Nijhuis, M. (Michiel) (EBO_DSH)" userId="5901e7e0-4b53-4284-a8c1-53161a9e7861" providerId="ADAL" clId="{F11AA4BF-8C73-4196-B0C9-372CAC216896}" dt="2024-10-17T12:13:33.856" v="578" actId="478"/>
          <ac:spMkLst>
            <pc:docMk/>
            <pc:sldMk cId="175181841" sldId="275"/>
            <ac:spMk id="4" creationId="{153DB2F2-DC11-FA89-2D4C-3800A77D7A1E}"/>
          </ac:spMkLst>
        </pc:spChg>
        <pc:picChg chg="add mod">
          <ac:chgData name="Nijhuis, M. (Michiel) (EBO_DSH)" userId="5901e7e0-4b53-4284-a8c1-53161a9e7861" providerId="ADAL" clId="{F11AA4BF-8C73-4196-B0C9-372CAC216896}" dt="2024-10-17T12:13:53.392" v="585" actId="1076"/>
          <ac:picMkLst>
            <pc:docMk/>
            <pc:sldMk cId="175181841" sldId="275"/>
            <ac:picMk id="5" creationId="{CA023E19-35F5-E8BA-8882-C58B9C8E9073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2:43:02.589" v="783" actId="20577"/>
        <pc:sldMkLst>
          <pc:docMk/>
          <pc:sldMk cId="2732969997" sldId="276"/>
        </pc:sldMkLst>
        <pc:spChg chg="mod">
          <ac:chgData name="Nijhuis, M. (Michiel) (EBO_DSH)" userId="5901e7e0-4b53-4284-a8c1-53161a9e7861" providerId="ADAL" clId="{F11AA4BF-8C73-4196-B0C9-372CAC216896}" dt="2024-10-17T12:43:02.589" v="783" actId="20577"/>
          <ac:spMkLst>
            <pc:docMk/>
            <pc:sldMk cId="2732969997" sldId="276"/>
            <ac:spMk id="2" creationId="{4D8E989F-3C43-66A5-FE9A-532A677A84D8}"/>
          </ac:spMkLst>
        </pc:spChg>
        <pc:spChg chg="del">
          <ac:chgData name="Nijhuis, M. (Michiel) (EBO_DSH)" userId="5901e7e0-4b53-4284-a8c1-53161a9e7861" providerId="ADAL" clId="{F11AA4BF-8C73-4196-B0C9-372CAC216896}" dt="2024-10-17T12:14:08.911" v="607" actId="478"/>
          <ac:spMkLst>
            <pc:docMk/>
            <pc:sldMk cId="2732969997" sldId="276"/>
            <ac:spMk id="4" creationId="{BC30E57E-CA92-60F7-C3ED-CAB5C4245766}"/>
          </ac:spMkLst>
        </pc:spChg>
        <pc:picChg chg="add mod">
          <ac:chgData name="Nijhuis, M. (Michiel) (EBO_DSH)" userId="5901e7e0-4b53-4284-a8c1-53161a9e7861" providerId="ADAL" clId="{F11AA4BF-8C73-4196-B0C9-372CAC216896}" dt="2024-10-17T12:22:50.519" v="636" actId="1076"/>
          <ac:picMkLst>
            <pc:docMk/>
            <pc:sldMk cId="2732969997" sldId="276"/>
            <ac:picMk id="4098" creationId="{BF1B4FA1-D4F7-E6DB-2462-330A66E29334}"/>
          </ac:picMkLst>
        </pc:picChg>
      </pc:sldChg>
      <pc:sldChg chg="addSp modSp add mod">
        <pc:chgData name="Nijhuis, M. (Michiel) (EBO_DSH)" userId="5901e7e0-4b53-4284-a8c1-53161a9e7861" providerId="ADAL" clId="{F11AA4BF-8C73-4196-B0C9-372CAC216896}" dt="2024-10-17T12:42:58.010" v="777" actId="20577"/>
        <pc:sldMkLst>
          <pc:docMk/>
          <pc:sldMk cId="3020662707" sldId="277"/>
        </pc:sldMkLst>
        <pc:spChg chg="mod">
          <ac:chgData name="Nijhuis, M. (Michiel) (EBO_DSH)" userId="5901e7e0-4b53-4284-a8c1-53161a9e7861" providerId="ADAL" clId="{F11AA4BF-8C73-4196-B0C9-372CAC216896}" dt="2024-10-17T12:42:58.010" v="777" actId="20577"/>
          <ac:spMkLst>
            <pc:docMk/>
            <pc:sldMk cId="3020662707" sldId="277"/>
            <ac:spMk id="2" creationId="{4D8E989F-3C43-66A5-FE9A-532A677A84D8}"/>
          </ac:spMkLst>
        </pc:spChg>
        <pc:picChg chg="add mod">
          <ac:chgData name="Nijhuis, M. (Michiel) (EBO_DSH)" userId="5901e7e0-4b53-4284-a8c1-53161a9e7861" providerId="ADAL" clId="{F11AA4BF-8C73-4196-B0C9-372CAC216896}" dt="2024-10-17T12:36:27.996" v="695" actId="1076"/>
          <ac:picMkLst>
            <pc:docMk/>
            <pc:sldMk cId="3020662707" sldId="277"/>
            <ac:picMk id="6146" creationId="{89C5F6FE-DE69-C452-D3E1-7F1F8025B29A}"/>
          </ac:picMkLst>
        </pc:picChg>
      </pc:sldChg>
      <pc:sldChg chg="addSp delSp modSp new mod ord">
        <pc:chgData name="Nijhuis, M. (Michiel) (EBO_DSH)" userId="5901e7e0-4b53-4284-a8c1-53161a9e7861" providerId="ADAL" clId="{F11AA4BF-8C73-4196-B0C9-372CAC216896}" dt="2024-10-17T12:24:42.046" v="673" actId="1076"/>
        <pc:sldMkLst>
          <pc:docMk/>
          <pc:sldMk cId="4197783398" sldId="278"/>
        </pc:sldMkLst>
        <pc:spChg chg="mod">
          <ac:chgData name="Nijhuis, M. (Michiel) (EBO_DSH)" userId="5901e7e0-4b53-4284-a8c1-53161a9e7861" providerId="ADAL" clId="{F11AA4BF-8C73-4196-B0C9-372CAC216896}" dt="2024-10-17T12:23:04.751" v="660" actId="20577"/>
          <ac:spMkLst>
            <pc:docMk/>
            <pc:sldMk cId="4197783398" sldId="278"/>
            <ac:spMk id="2" creationId="{477FB5D7-FA90-DF50-FC65-2B52F58C0692}"/>
          </ac:spMkLst>
        </pc:spChg>
        <pc:spChg chg="del">
          <ac:chgData name="Nijhuis, M. (Michiel) (EBO_DSH)" userId="5901e7e0-4b53-4284-a8c1-53161a9e7861" providerId="ADAL" clId="{F11AA4BF-8C73-4196-B0C9-372CAC216896}" dt="2024-10-17T12:24:01.604" v="661" actId="478"/>
          <ac:spMkLst>
            <pc:docMk/>
            <pc:sldMk cId="4197783398" sldId="278"/>
            <ac:spMk id="4" creationId="{4EDAEF18-5128-73E8-7C0E-56B528EAC6AB}"/>
          </ac:spMkLst>
        </pc:spChg>
        <pc:picChg chg="add mod">
          <ac:chgData name="Nijhuis, M. (Michiel) (EBO_DSH)" userId="5901e7e0-4b53-4284-a8c1-53161a9e7861" providerId="ADAL" clId="{F11AA4BF-8C73-4196-B0C9-372CAC216896}" dt="2024-10-17T12:24:42.046" v="673" actId="1076"/>
          <ac:picMkLst>
            <pc:docMk/>
            <pc:sldMk cId="4197783398" sldId="278"/>
            <ac:picMk id="5122" creationId="{99643438-5CD8-6F04-4F4A-9CF2170C4E19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2:42:08.301" v="731" actId="20577"/>
        <pc:sldMkLst>
          <pc:docMk/>
          <pc:sldMk cId="2746967832" sldId="279"/>
        </pc:sldMkLst>
        <pc:spChg chg="mod">
          <ac:chgData name="Nijhuis, M. (Michiel) (EBO_DSH)" userId="5901e7e0-4b53-4284-a8c1-53161a9e7861" providerId="ADAL" clId="{F11AA4BF-8C73-4196-B0C9-372CAC216896}" dt="2024-10-17T12:42:08.301" v="731" actId="20577"/>
          <ac:spMkLst>
            <pc:docMk/>
            <pc:sldMk cId="2746967832" sldId="279"/>
            <ac:spMk id="2" creationId="{342CFF8F-CF35-2522-2E2B-1C23AF26D389}"/>
          </ac:spMkLst>
        </pc:spChg>
        <pc:spChg chg="del">
          <ac:chgData name="Nijhuis, M. (Michiel) (EBO_DSH)" userId="5901e7e0-4b53-4284-a8c1-53161a9e7861" providerId="ADAL" clId="{F11AA4BF-8C73-4196-B0C9-372CAC216896}" dt="2024-10-17T12:40:51.636" v="697" actId="478"/>
          <ac:spMkLst>
            <pc:docMk/>
            <pc:sldMk cId="2746967832" sldId="279"/>
            <ac:spMk id="4" creationId="{4AB23DA5-43B0-0620-D3F2-D3FBE1D29FD8}"/>
          </ac:spMkLst>
        </pc:spChg>
        <pc:picChg chg="add mod">
          <ac:chgData name="Nijhuis, M. (Michiel) (EBO_DSH)" userId="5901e7e0-4b53-4284-a8c1-53161a9e7861" providerId="ADAL" clId="{F11AA4BF-8C73-4196-B0C9-372CAC216896}" dt="2024-10-17T12:42:04.626" v="725" actId="1076"/>
          <ac:picMkLst>
            <pc:docMk/>
            <pc:sldMk cId="2746967832" sldId="279"/>
            <ac:picMk id="7170" creationId="{04329E79-DE84-A4B1-635A-409DC7E32009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2:43:22.197" v="788" actId="1076"/>
        <pc:sldMkLst>
          <pc:docMk/>
          <pc:sldMk cId="3078581822" sldId="280"/>
        </pc:sldMkLst>
        <pc:spChg chg="mod">
          <ac:chgData name="Nijhuis, M. (Michiel) (EBO_DSH)" userId="5901e7e0-4b53-4284-a8c1-53161a9e7861" providerId="ADAL" clId="{F11AA4BF-8C73-4196-B0C9-372CAC216896}" dt="2024-10-17T12:42:37.890" v="747" actId="20577"/>
          <ac:spMkLst>
            <pc:docMk/>
            <pc:sldMk cId="3078581822" sldId="280"/>
            <ac:spMk id="2" creationId="{2D06A0C7-1DCC-1A3B-4DDA-6E787F0C0308}"/>
          </ac:spMkLst>
        </pc:spChg>
        <pc:spChg chg="del">
          <ac:chgData name="Nijhuis, M. (Michiel) (EBO_DSH)" userId="5901e7e0-4b53-4284-a8c1-53161a9e7861" providerId="ADAL" clId="{F11AA4BF-8C73-4196-B0C9-372CAC216896}" dt="2024-10-17T12:43:07.064" v="784" actId="478"/>
          <ac:spMkLst>
            <pc:docMk/>
            <pc:sldMk cId="3078581822" sldId="280"/>
            <ac:spMk id="4" creationId="{A571E4DF-B636-9AF0-5B72-066654238A23}"/>
          </ac:spMkLst>
        </pc:spChg>
        <pc:picChg chg="add mod">
          <ac:chgData name="Nijhuis, M. (Michiel) (EBO_DSH)" userId="5901e7e0-4b53-4284-a8c1-53161a9e7861" providerId="ADAL" clId="{F11AA4BF-8C73-4196-B0C9-372CAC216896}" dt="2024-10-17T12:43:22.197" v="788" actId="1076"/>
          <ac:picMkLst>
            <pc:docMk/>
            <pc:sldMk cId="3078581822" sldId="280"/>
            <ac:picMk id="8194" creationId="{48E26603-D6CC-6485-F6B5-D2844CAF48EC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2:55:46.815" v="889" actId="20577"/>
        <pc:sldMkLst>
          <pc:docMk/>
          <pc:sldMk cId="2431971679" sldId="281"/>
        </pc:sldMkLst>
        <pc:spChg chg="mod">
          <ac:chgData name="Nijhuis, M. (Michiel) (EBO_DSH)" userId="5901e7e0-4b53-4284-a8c1-53161a9e7861" providerId="ADAL" clId="{F11AA4BF-8C73-4196-B0C9-372CAC216896}" dt="2024-10-17T12:47:13.519" v="830" actId="20577"/>
          <ac:spMkLst>
            <pc:docMk/>
            <pc:sldMk cId="2431971679" sldId="281"/>
            <ac:spMk id="2" creationId="{F6DAE5A9-C49D-0118-57DD-7E574D9F8DC8}"/>
          </ac:spMkLst>
        </pc:spChg>
        <pc:spChg chg="del">
          <ac:chgData name="Nijhuis, M. (Michiel) (EBO_DSH)" userId="5901e7e0-4b53-4284-a8c1-53161a9e7861" providerId="ADAL" clId="{F11AA4BF-8C73-4196-B0C9-372CAC216896}" dt="2024-10-17T12:47:16.787" v="831" actId="478"/>
          <ac:spMkLst>
            <pc:docMk/>
            <pc:sldMk cId="2431971679" sldId="281"/>
            <ac:spMk id="4" creationId="{70E2C06A-4515-1B9E-07FE-441D5E6232BF}"/>
          </ac:spMkLst>
        </pc:spChg>
        <pc:spChg chg="add mod">
          <ac:chgData name="Nijhuis, M. (Michiel) (EBO_DSH)" userId="5901e7e0-4b53-4284-a8c1-53161a9e7861" providerId="ADAL" clId="{F11AA4BF-8C73-4196-B0C9-372CAC216896}" dt="2024-10-17T12:55:38.464" v="874" actId="1076"/>
          <ac:spMkLst>
            <pc:docMk/>
            <pc:sldMk cId="2431971679" sldId="281"/>
            <ac:spMk id="8" creationId="{F7955768-63D3-1FA0-1957-575704DADC10}"/>
          </ac:spMkLst>
        </pc:spChg>
        <pc:spChg chg="add mod">
          <ac:chgData name="Nijhuis, M. (Michiel) (EBO_DSH)" userId="5901e7e0-4b53-4284-a8c1-53161a9e7861" providerId="ADAL" clId="{F11AA4BF-8C73-4196-B0C9-372CAC216896}" dt="2024-10-17T12:55:46.815" v="889" actId="20577"/>
          <ac:spMkLst>
            <pc:docMk/>
            <pc:sldMk cId="2431971679" sldId="281"/>
            <ac:spMk id="11" creationId="{849D5BF6-219E-C0C0-AD48-0BD25B90F844}"/>
          </ac:spMkLst>
        </pc:spChg>
        <pc:picChg chg="add mod">
          <ac:chgData name="Nijhuis, M. (Michiel) (EBO_DSH)" userId="5901e7e0-4b53-4284-a8c1-53161a9e7861" providerId="ADAL" clId="{F11AA4BF-8C73-4196-B0C9-372CAC216896}" dt="2024-10-17T12:48:13.193" v="838" actId="1076"/>
          <ac:picMkLst>
            <pc:docMk/>
            <pc:sldMk cId="2431971679" sldId="281"/>
            <ac:picMk id="5" creationId="{862A041F-D7B0-7576-6CF4-941849BCF383}"/>
          </ac:picMkLst>
        </pc:picChg>
        <pc:picChg chg="add mod">
          <ac:chgData name="Nijhuis, M. (Michiel) (EBO_DSH)" userId="5901e7e0-4b53-4284-a8c1-53161a9e7861" providerId="ADAL" clId="{F11AA4BF-8C73-4196-B0C9-372CAC216896}" dt="2024-10-17T12:55:25.234" v="868"/>
          <ac:picMkLst>
            <pc:docMk/>
            <pc:sldMk cId="2431971679" sldId="281"/>
            <ac:picMk id="9" creationId="{322C5092-CCB1-927C-6536-BB4BAA9A3468}"/>
          </ac:picMkLst>
        </pc:picChg>
        <pc:cxnChg chg="add mod">
          <ac:chgData name="Nijhuis, M. (Michiel) (EBO_DSH)" userId="5901e7e0-4b53-4284-a8c1-53161a9e7861" providerId="ADAL" clId="{F11AA4BF-8C73-4196-B0C9-372CAC216896}" dt="2024-10-17T12:55:35.056" v="873" actId="14100"/>
          <ac:cxnSpMkLst>
            <pc:docMk/>
            <pc:sldMk cId="2431971679" sldId="281"/>
            <ac:cxnSpMk id="7" creationId="{56AC44F9-8EBE-430E-38A9-57ED706B6142}"/>
          </ac:cxnSpMkLst>
        </pc:cxnChg>
      </pc:sldChg>
      <pc:sldChg chg="addSp delSp modSp new mod">
        <pc:chgData name="Nijhuis, M. (Michiel) (EBO_DSH)" userId="5901e7e0-4b53-4284-a8c1-53161a9e7861" providerId="ADAL" clId="{F11AA4BF-8C73-4196-B0C9-372CAC216896}" dt="2024-10-17T13:43:36.365" v="1043" actId="167"/>
        <pc:sldMkLst>
          <pc:docMk/>
          <pc:sldMk cId="3946338699" sldId="282"/>
        </pc:sldMkLst>
        <pc:spChg chg="mod">
          <ac:chgData name="Nijhuis, M. (Michiel) (EBO_DSH)" userId="5901e7e0-4b53-4284-a8c1-53161a9e7861" providerId="ADAL" clId="{F11AA4BF-8C73-4196-B0C9-372CAC216896}" dt="2024-10-17T12:56:27.248" v="914" actId="20577"/>
          <ac:spMkLst>
            <pc:docMk/>
            <pc:sldMk cId="3946338699" sldId="282"/>
            <ac:spMk id="2" creationId="{07307439-6DE0-2180-CF36-9F54FC2B0281}"/>
          </ac:spMkLst>
        </pc:spChg>
        <pc:spChg chg="add del mod">
          <ac:chgData name="Nijhuis, M. (Michiel) (EBO_DSH)" userId="5901e7e0-4b53-4284-a8c1-53161a9e7861" providerId="ADAL" clId="{F11AA4BF-8C73-4196-B0C9-372CAC216896}" dt="2024-10-17T13:43:27.231" v="1041" actId="948"/>
          <ac:spMkLst>
            <pc:docMk/>
            <pc:sldMk cId="3946338699" sldId="282"/>
            <ac:spMk id="4" creationId="{329BA1DC-6396-D64A-2FB6-B74230C4559F}"/>
          </ac:spMkLst>
        </pc:spChg>
        <pc:spChg chg="add mod">
          <ac:chgData name="Nijhuis, M. (Michiel) (EBO_DSH)" userId="5901e7e0-4b53-4284-a8c1-53161a9e7861" providerId="ADAL" clId="{F11AA4BF-8C73-4196-B0C9-372CAC216896}" dt="2024-10-17T12:56:15.058" v="892"/>
          <ac:spMkLst>
            <pc:docMk/>
            <pc:sldMk cId="3946338699" sldId="282"/>
            <ac:spMk id="5" creationId="{E70287F3-4A2F-CA65-D939-F917D2FCAEF9}"/>
          </ac:spMkLst>
        </pc:spChg>
        <pc:picChg chg="add mod ord">
          <ac:chgData name="Nijhuis, M. (Michiel) (EBO_DSH)" userId="5901e7e0-4b53-4284-a8c1-53161a9e7861" providerId="ADAL" clId="{F11AA4BF-8C73-4196-B0C9-372CAC216896}" dt="2024-10-17T13:43:36.365" v="1043" actId="167"/>
          <ac:picMkLst>
            <pc:docMk/>
            <pc:sldMk cId="3946338699" sldId="282"/>
            <ac:picMk id="7" creationId="{F75AF128-5A87-A7F0-D7BD-5CAB0E86BFBF}"/>
          </ac:picMkLst>
        </pc:picChg>
        <pc:picChg chg="add del mod">
          <ac:chgData name="Nijhuis, M. (Michiel) (EBO_DSH)" userId="5901e7e0-4b53-4284-a8c1-53161a9e7861" providerId="ADAL" clId="{F11AA4BF-8C73-4196-B0C9-372CAC216896}" dt="2024-10-17T13:01:26.626" v="1018" actId="478"/>
          <ac:picMkLst>
            <pc:docMk/>
            <pc:sldMk cId="3946338699" sldId="282"/>
            <ac:picMk id="9218" creationId="{5B0ED32D-D40C-C863-10DA-DFB0DFDF67B3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7:08:26.496" v="1723" actId="1076"/>
        <pc:sldMkLst>
          <pc:docMk/>
          <pc:sldMk cId="1584322941" sldId="283"/>
        </pc:sldMkLst>
        <pc:spChg chg="mod">
          <ac:chgData name="Nijhuis, M. (Michiel) (EBO_DSH)" userId="5901e7e0-4b53-4284-a8c1-53161a9e7861" providerId="ADAL" clId="{F11AA4BF-8C73-4196-B0C9-372CAC216896}" dt="2024-10-17T13:46:49.209" v="1068" actId="20577"/>
          <ac:spMkLst>
            <pc:docMk/>
            <pc:sldMk cId="1584322941" sldId="283"/>
            <ac:spMk id="2" creationId="{369EE58C-1677-62F5-58FA-C1949B697AC2}"/>
          </ac:spMkLst>
        </pc:spChg>
        <pc:spChg chg="del">
          <ac:chgData name="Nijhuis, M. (Michiel) (EBO_DSH)" userId="5901e7e0-4b53-4284-a8c1-53161a9e7861" providerId="ADAL" clId="{F11AA4BF-8C73-4196-B0C9-372CAC216896}" dt="2024-10-17T13:45:34.065" v="1044" actId="478"/>
          <ac:spMkLst>
            <pc:docMk/>
            <pc:sldMk cId="1584322941" sldId="283"/>
            <ac:spMk id="4" creationId="{6E2D2FCF-D7B9-EF8D-5730-BC49A5A18F0A}"/>
          </ac:spMkLst>
        </pc:spChg>
        <pc:spChg chg="add del mod">
          <ac:chgData name="Nijhuis, M. (Michiel) (EBO_DSH)" userId="5901e7e0-4b53-4284-a8c1-53161a9e7861" providerId="ADAL" clId="{F11AA4BF-8C73-4196-B0C9-372CAC216896}" dt="2024-10-17T13:48:12.216" v="1076" actId="478"/>
          <ac:spMkLst>
            <pc:docMk/>
            <pc:sldMk cId="1584322941" sldId="283"/>
            <ac:spMk id="7" creationId="{E7F4C244-F8BA-6C16-64EC-BE00E348CFEE}"/>
          </ac:spMkLst>
        </pc:spChg>
        <pc:picChg chg="add del mod">
          <ac:chgData name="Nijhuis, M. (Michiel) (EBO_DSH)" userId="5901e7e0-4b53-4284-a8c1-53161a9e7861" providerId="ADAL" clId="{F11AA4BF-8C73-4196-B0C9-372CAC216896}" dt="2024-10-17T17:08:16.691" v="1721" actId="478"/>
          <ac:picMkLst>
            <pc:docMk/>
            <pc:sldMk cId="1584322941" sldId="283"/>
            <ac:picMk id="5" creationId="{EA84A2E1-9705-2353-1DB9-7A4D92AA2C61}"/>
          </ac:picMkLst>
        </pc:picChg>
        <pc:picChg chg="add del mod">
          <ac:chgData name="Nijhuis, M. (Michiel) (EBO_DSH)" userId="5901e7e0-4b53-4284-a8c1-53161a9e7861" providerId="ADAL" clId="{F11AA4BF-8C73-4196-B0C9-372CAC216896}" dt="2024-10-17T13:48:36.161" v="1078" actId="478"/>
          <ac:picMkLst>
            <pc:docMk/>
            <pc:sldMk cId="1584322941" sldId="283"/>
            <ac:picMk id="8" creationId="{1CCEC6B2-6E00-FBA4-51F9-E05A5FEADCC4}"/>
          </ac:picMkLst>
        </pc:picChg>
        <pc:picChg chg="add mod">
          <ac:chgData name="Nijhuis, M. (Michiel) (EBO_DSH)" userId="5901e7e0-4b53-4284-a8c1-53161a9e7861" providerId="ADAL" clId="{F11AA4BF-8C73-4196-B0C9-372CAC216896}" dt="2024-10-17T17:08:26.496" v="1723" actId="1076"/>
          <ac:picMkLst>
            <pc:docMk/>
            <pc:sldMk cId="1584322941" sldId="283"/>
            <ac:picMk id="16386" creationId="{C2CF3F63-64DE-6EE0-C5D6-8C90AB891146}"/>
          </ac:picMkLst>
        </pc:picChg>
      </pc:sldChg>
      <pc:sldChg chg="modSp add del mod">
        <pc:chgData name="Nijhuis, M. (Michiel) (EBO_DSH)" userId="5901e7e0-4b53-4284-a8c1-53161a9e7861" providerId="ADAL" clId="{F11AA4BF-8C73-4196-B0C9-372CAC216896}" dt="2024-10-17T17:12:08.080" v="1725" actId="2696"/>
        <pc:sldMkLst>
          <pc:docMk/>
          <pc:sldMk cId="2690969700" sldId="284"/>
        </pc:sldMkLst>
        <pc:picChg chg="mod">
          <ac:chgData name="Nijhuis, M. (Michiel) (EBO_DSH)" userId="5901e7e0-4b53-4284-a8c1-53161a9e7861" providerId="ADAL" clId="{F11AA4BF-8C73-4196-B0C9-372CAC216896}" dt="2024-10-17T17:09:20.804" v="1724" actId="1076"/>
          <ac:picMkLst>
            <pc:docMk/>
            <pc:sldMk cId="2690969700" sldId="284"/>
            <ac:picMk id="5" creationId="{EA84A2E1-9705-2353-1DB9-7A4D92AA2C61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4:05:56.324" v="1300" actId="1076"/>
        <pc:sldMkLst>
          <pc:docMk/>
          <pc:sldMk cId="2518764524" sldId="285"/>
        </pc:sldMkLst>
        <pc:spChg chg="mod">
          <ac:chgData name="Nijhuis, M. (Michiel) (EBO_DSH)" userId="5901e7e0-4b53-4284-a8c1-53161a9e7861" providerId="ADAL" clId="{F11AA4BF-8C73-4196-B0C9-372CAC216896}" dt="2024-10-17T13:51:01.023" v="1097" actId="20577"/>
          <ac:spMkLst>
            <pc:docMk/>
            <pc:sldMk cId="2518764524" sldId="285"/>
            <ac:spMk id="2" creationId="{9926F4DC-FB1A-F24A-1160-88BFC31E4852}"/>
          </ac:spMkLst>
        </pc:spChg>
        <pc:spChg chg="del">
          <ac:chgData name="Nijhuis, M. (Michiel) (EBO_DSH)" userId="5901e7e0-4b53-4284-a8c1-53161a9e7861" providerId="ADAL" clId="{F11AA4BF-8C73-4196-B0C9-372CAC216896}" dt="2024-10-17T14:04:18.164" v="1281" actId="478"/>
          <ac:spMkLst>
            <pc:docMk/>
            <pc:sldMk cId="2518764524" sldId="285"/>
            <ac:spMk id="4" creationId="{07D69582-2AD0-F2EC-8BB9-AAB3C88D42D7}"/>
          </ac:spMkLst>
        </pc:spChg>
        <pc:spChg chg="add mod">
          <ac:chgData name="Nijhuis, M. (Michiel) (EBO_DSH)" userId="5901e7e0-4b53-4284-a8c1-53161a9e7861" providerId="ADAL" clId="{F11AA4BF-8C73-4196-B0C9-372CAC216896}" dt="2024-10-17T14:05:56.324" v="1300" actId="1076"/>
          <ac:spMkLst>
            <pc:docMk/>
            <pc:sldMk cId="2518764524" sldId="285"/>
            <ac:spMk id="7" creationId="{906DC3DF-0E88-F585-E22B-DB16E6215CC4}"/>
          </ac:spMkLst>
        </pc:spChg>
        <pc:picChg chg="add mod">
          <ac:chgData name="Nijhuis, M. (Michiel) (EBO_DSH)" userId="5901e7e0-4b53-4284-a8c1-53161a9e7861" providerId="ADAL" clId="{F11AA4BF-8C73-4196-B0C9-372CAC216896}" dt="2024-10-17T14:05:52.737" v="1299" actId="14100"/>
          <ac:picMkLst>
            <pc:docMk/>
            <pc:sldMk cId="2518764524" sldId="285"/>
            <ac:picMk id="5" creationId="{1307EB01-4FD4-0EAC-56F9-F7E268100DC3}"/>
          </ac:picMkLst>
        </pc:picChg>
      </pc:sldChg>
      <pc:sldChg chg="modSp new del mod ord">
        <pc:chgData name="Nijhuis, M. (Michiel) (EBO_DSH)" userId="5901e7e0-4b53-4284-a8c1-53161a9e7861" providerId="ADAL" clId="{F11AA4BF-8C73-4196-B0C9-372CAC216896}" dt="2024-10-17T16:03:34.830" v="1720" actId="2696"/>
        <pc:sldMkLst>
          <pc:docMk/>
          <pc:sldMk cId="2935764977" sldId="286"/>
        </pc:sldMkLst>
        <pc:spChg chg="mod">
          <ac:chgData name="Nijhuis, M. (Michiel) (EBO_DSH)" userId="5901e7e0-4b53-4284-a8c1-53161a9e7861" providerId="ADAL" clId="{F11AA4BF-8C73-4196-B0C9-372CAC216896}" dt="2024-10-17T13:51:19.460" v="1115" actId="20577"/>
          <ac:spMkLst>
            <pc:docMk/>
            <pc:sldMk cId="2935764977" sldId="286"/>
            <ac:spMk id="2" creationId="{CAFF6D59-E2E6-10AC-E8F6-3EA8AD1767FE}"/>
          </ac:spMkLst>
        </pc:spChg>
      </pc:sldChg>
      <pc:sldChg chg="addSp delSp modSp add mod">
        <pc:chgData name="Nijhuis, M. (Michiel) (EBO_DSH)" userId="5901e7e0-4b53-4284-a8c1-53161a9e7861" providerId="ADAL" clId="{F11AA4BF-8C73-4196-B0C9-372CAC216896}" dt="2024-10-17T15:59:24.074" v="1698" actId="20577"/>
        <pc:sldMkLst>
          <pc:docMk/>
          <pc:sldMk cId="4077307399" sldId="287"/>
        </pc:sldMkLst>
        <pc:spChg chg="mod">
          <ac:chgData name="Nijhuis, M. (Michiel) (EBO_DSH)" userId="5901e7e0-4b53-4284-a8c1-53161a9e7861" providerId="ADAL" clId="{F11AA4BF-8C73-4196-B0C9-372CAC216896}" dt="2024-10-17T13:52:07.475" v="1126" actId="20577"/>
          <ac:spMkLst>
            <pc:docMk/>
            <pc:sldMk cId="4077307399" sldId="287"/>
            <ac:spMk id="2" creationId="{9926F4DC-FB1A-F24A-1160-88BFC31E4852}"/>
          </ac:spMkLst>
        </pc:spChg>
        <pc:spChg chg="del">
          <ac:chgData name="Nijhuis, M. (Michiel) (EBO_DSH)" userId="5901e7e0-4b53-4284-a8c1-53161a9e7861" providerId="ADAL" clId="{F11AA4BF-8C73-4196-B0C9-372CAC216896}" dt="2024-10-17T13:52:11.245" v="1127" actId="478"/>
          <ac:spMkLst>
            <pc:docMk/>
            <pc:sldMk cId="4077307399" sldId="287"/>
            <ac:spMk id="4" creationId="{07D69582-2AD0-F2EC-8BB9-AAB3C88D42D7}"/>
          </ac:spMkLst>
        </pc:spChg>
        <pc:spChg chg="add mod">
          <ac:chgData name="Nijhuis, M. (Michiel) (EBO_DSH)" userId="5901e7e0-4b53-4284-a8c1-53161a9e7861" providerId="ADAL" clId="{F11AA4BF-8C73-4196-B0C9-372CAC216896}" dt="2024-10-17T15:59:04.873" v="1691" actId="14100"/>
          <ac:spMkLst>
            <pc:docMk/>
            <pc:sldMk cId="4077307399" sldId="287"/>
            <ac:spMk id="5" creationId="{F0AA57AB-A7CD-33E6-80D0-73EC69062361}"/>
          </ac:spMkLst>
        </pc:spChg>
        <pc:spChg chg="add mod">
          <ac:chgData name="Nijhuis, M. (Michiel) (EBO_DSH)" userId="5901e7e0-4b53-4284-a8c1-53161a9e7861" providerId="ADAL" clId="{F11AA4BF-8C73-4196-B0C9-372CAC216896}" dt="2024-10-17T15:59:24.074" v="1698" actId="20577"/>
          <ac:spMkLst>
            <pc:docMk/>
            <pc:sldMk cId="4077307399" sldId="287"/>
            <ac:spMk id="6" creationId="{538C8130-2796-2070-175D-E602C5A54F3D}"/>
          </ac:spMkLst>
        </pc:spChg>
        <pc:spChg chg="add mod">
          <ac:chgData name="Nijhuis, M. (Michiel) (EBO_DSH)" userId="5901e7e0-4b53-4284-a8c1-53161a9e7861" providerId="ADAL" clId="{F11AA4BF-8C73-4196-B0C9-372CAC216896}" dt="2024-10-17T15:59:09.088" v="1692" actId="14100"/>
          <ac:spMkLst>
            <pc:docMk/>
            <pc:sldMk cId="4077307399" sldId="287"/>
            <ac:spMk id="8" creationId="{3975B3CE-BF61-1C4C-27B7-5FD54B7381BB}"/>
          </ac:spMkLst>
        </pc:spChg>
        <pc:picChg chg="add del">
          <ac:chgData name="Nijhuis, M. (Michiel) (EBO_DSH)" userId="5901e7e0-4b53-4284-a8c1-53161a9e7861" providerId="ADAL" clId="{F11AA4BF-8C73-4196-B0C9-372CAC216896}" dt="2024-10-17T13:54:02.663" v="1129" actId="478"/>
          <ac:picMkLst>
            <pc:docMk/>
            <pc:sldMk cId="4077307399" sldId="287"/>
            <ac:picMk id="10241" creationId="{D4870155-E5D3-A869-1E64-F3A7E15463FE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5:09:31.935" v="1641" actId="1076"/>
        <pc:sldMkLst>
          <pc:docMk/>
          <pc:sldMk cId="2704260521" sldId="288"/>
        </pc:sldMkLst>
        <pc:spChg chg="mod">
          <ac:chgData name="Nijhuis, M. (Michiel) (EBO_DSH)" userId="5901e7e0-4b53-4284-a8c1-53161a9e7861" providerId="ADAL" clId="{F11AA4BF-8C73-4196-B0C9-372CAC216896}" dt="2024-10-17T13:54:36.814" v="1149" actId="20577"/>
          <ac:spMkLst>
            <pc:docMk/>
            <pc:sldMk cId="2704260521" sldId="288"/>
            <ac:spMk id="2" creationId="{AE0F3A6E-0D16-F284-6783-4DCA0A5FDC59}"/>
          </ac:spMkLst>
        </pc:spChg>
        <pc:spChg chg="del">
          <ac:chgData name="Nijhuis, M. (Michiel) (EBO_DSH)" userId="5901e7e0-4b53-4284-a8c1-53161a9e7861" providerId="ADAL" clId="{F11AA4BF-8C73-4196-B0C9-372CAC216896}" dt="2024-10-17T15:07:59.914" v="1630" actId="478"/>
          <ac:spMkLst>
            <pc:docMk/>
            <pc:sldMk cId="2704260521" sldId="288"/>
            <ac:spMk id="4" creationId="{C71DFACD-E3CF-EF87-2041-339B5B5A3EA2}"/>
          </ac:spMkLst>
        </pc:spChg>
        <pc:picChg chg="add mod">
          <ac:chgData name="Nijhuis, M. (Michiel) (EBO_DSH)" userId="5901e7e0-4b53-4284-a8c1-53161a9e7861" providerId="ADAL" clId="{F11AA4BF-8C73-4196-B0C9-372CAC216896}" dt="2024-10-17T15:09:31.935" v="1641" actId="1076"/>
          <ac:picMkLst>
            <pc:docMk/>
            <pc:sldMk cId="2704260521" sldId="288"/>
            <ac:picMk id="15362" creationId="{B618808D-284B-2732-C40E-A3D9331D001A}"/>
          </ac:picMkLst>
        </pc:picChg>
      </pc:sldChg>
      <pc:sldChg chg="addSp delSp modSp add mod">
        <pc:chgData name="Nijhuis, M. (Michiel) (EBO_DSH)" userId="5901e7e0-4b53-4284-a8c1-53161a9e7861" providerId="ADAL" clId="{F11AA4BF-8C73-4196-B0C9-372CAC216896}" dt="2024-10-17T14:48:41.798" v="1614" actId="948"/>
        <pc:sldMkLst>
          <pc:docMk/>
          <pc:sldMk cId="4073512621" sldId="289"/>
        </pc:sldMkLst>
        <pc:spChg chg="del">
          <ac:chgData name="Nijhuis, M. (Michiel) (EBO_DSH)" userId="5901e7e0-4b53-4284-a8c1-53161a9e7861" providerId="ADAL" clId="{F11AA4BF-8C73-4196-B0C9-372CAC216896}" dt="2024-10-17T13:55:19.648" v="1151" actId="478"/>
          <ac:spMkLst>
            <pc:docMk/>
            <pc:sldMk cId="4073512621" sldId="289"/>
            <ac:spMk id="4" creationId="{C71DFACD-E3CF-EF87-2041-339B5B5A3EA2}"/>
          </ac:spMkLst>
        </pc:spChg>
        <pc:spChg chg="add mod">
          <ac:chgData name="Nijhuis, M. (Michiel) (EBO_DSH)" userId="5901e7e0-4b53-4284-a8c1-53161a9e7861" providerId="ADAL" clId="{F11AA4BF-8C73-4196-B0C9-372CAC216896}" dt="2024-10-17T14:48:41.798" v="1614" actId="948"/>
          <ac:spMkLst>
            <pc:docMk/>
            <pc:sldMk cId="4073512621" sldId="289"/>
            <ac:spMk id="6" creationId="{64BEA56D-7F2B-7D50-FD5D-0332E8928A71}"/>
          </ac:spMkLst>
        </pc:spChg>
      </pc:sldChg>
      <pc:sldChg chg="modSp new mod ord">
        <pc:chgData name="Nijhuis, M. (Michiel) (EBO_DSH)" userId="5901e7e0-4b53-4284-a8c1-53161a9e7861" providerId="ADAL" clId="{F11AA4BF-8C73-4196-B0C9-372CAC216896}" dt="2024-10-17T16:00:54.043" v="1719"/>
        <pc:sldMkLst>
          <pc:docMk/>
          <pc:sldMk cId="2090010505" sldId="290"/>
        </pc:sldMkLst>
        <pc:spChg chg="mod">
          <ac:chgData name="Nijhuis, M. (Michiel) (EBO_DSH)" userId="5901e7e0-4b53-4284-a8c1-53161a9e7861" providerId="ADAL" clId="{F11AA4BF-8C73-4196-B0C9-372CAC216896}" dt="2024-10-17T16:00:00.421" v="1711" actId="20577"/>
          <ac:spMkLst>
            <pc:docMk/>
            <pc:sldMk cId="2090010505" sldId="290"/>
            <ac:spMk id="2" creationId="{360E4AA2-CA64-49CE-BEBF-FD197876D922}"/>
          </ac:spMkLst>
        </pc:spChg>
        <pc:spChg chg="mod">
          <ac:chgData name="Nijhuis, M. (Michiel) (EBO_DSH)" userId="5901e7e0-4b53-4284-a8c1-53161a9e7861" providerId="ADAL" clId="{F11AA4BF-8C73-4196-B0C9-372CAC216896}" dt="2024-10-17T16:00:02.442" v="1713" actId="20577"/>
          <ac:spMkLst>
            <pc:docMk/>
            <pc:sldMk cId="2090010505" sldId="290"/>
            <ac:spMk id="4" creationId="{348CD218-91A4-A21E-5E6E-F3DFF7A835D1}"/>
          </ac:spMkLst>
        </pc:spChg>
      </pc:sldChg>
      <pc:sldChg chg="addSp delSp modSp new mod">
        <pc:chgData name="Nijhuis, M. (Michiel) (EBO_DSH)" userId="5901e7e0-4b53-4284-a8c1-53161a9e7861" providerId="ADAL" clId="{F11AA4BF-8C73-4196-B0C9-372CAC216896}" dt="2024-10-17T14:51:33.014" v="1629" actId="948"/>
        <pc:sldMkLst>
          <pc:docMk/>
          <pc:sldMk cId="1228010165" sldId="291"/>
        </pc:sldMkLst>
        <pc:spChg chg="mod">
          <ac:chgData name="Nijhuis, M. (Michiel) (EBO_DSH)" userId="5901e7e0-4b53-4284-a8c1-53161a9e7861" providerId="ADAL" clId="{F11AA4BF-8C73-4196-B0C9-372CAC216896}" dt="2024-10-17T13:56:32.920" v="1177" actId="20577"/>
          <ac:spMkLst>
            <pc:docMk/>
            <pc:sldMk cId="1228010165" sldId="291"/>
            <ac:spMk id="2" creationId="{259DF153-45C9-3AEB-59C8-6C75F2A6D816}"/>
          </ac:spMkLst>
        </pc:spChg>
        <pc:spChg chg="del">
          <ac:chgData name="Nijhuis, M. (Michiel) (EBO_DSH)" userId="5901e7e0-4b53-4284-a8c1-53161a9e7861" providerId="ADAL" clId="{F11AA4BF-8C73-4196-B0C9-372CAC216896}" dt="2024-10-17T13:56:23.451" v="1162" actId="478"/>
          <ac:spMkLst>
            <pc:docMk/>
            <pc:sldMk cId="1228010165" sldId="291"/>
            <ac:spMk id="4" creationId="{04BA99BD-8F0A-A1FD-D616-AC7F32F68EB0}"/>
          </ac:spMkLst>
        </pc:spChg>
        <pc:spChg chg="add mod">
          <ac:chgData name="Nijhuis, M. (Michiel) (EBO_DSH)" userId="5901e7e0-4b53-4284-a8c1-53161a9e7861" providerId="ADAL" clId="{F11AA4BF-8C73-4196-B0C9-372CAC216896}" dt="2024-10-17T14:51:33.014" v="1629" actId="948"/>
          <ac:spMkLst>
            <pc:docMk/>
            <pc:sldMk cId="1228010165" sldId="291"/>
            <ac:spMk id="6" creationId="{2865AC4A-F739-01B1-2D2B-2D0F918A0FD3}"/>
          </ac:spMkLst>
        </pc:spChg>
        <pc:picChg chg="add del mod">
          <ac:chgData name="Nijhuis, M. (Michiel) (EBO_DSH)" userId="5901e7e0-4b53-4284-a8c1-53161a9e7861" providerId="ADAL" clId="{F11AA4BF-8C73-4196-B0C9-372CAC216896}" dt="2024-10-17T14:51:17.039" v="1627" actId="478"/>
          <ac:picMkLst>
            <pc:docMk/>
            <pc:sldMk cId="1228010165" sldId="291"/>
            <ac:picMk id="14338" creationId="{44AFDE7A-FD17-044D-121F-1C38AEB268D4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4:03:23.111" v="1280" actId="20577"/>
        <pc:sldMkLst>
          <pc:docMk/>
          <pc:sldMk cId="2377698473" sldId="292"/>
        </pc:sldMkLst>
        <pc:spChg chg="mod">
          <ac:chgData name="Nijhuis, M. (Michiel) (EBO_DSH)" userId="5901e7e0-4b53-4284-a8c1-53161a9e7861" providerId="ADAL" clId="{F11AA4BF-8C73-4196-B0C9-372CAC216896}" dt="2024-10-17T14:00:26.399" v="1240" actId="20577"/>
          <ac:spMkLst>
            <pc:docMk/>
            <pc:sldMk cId="2377698473" sldId="292"/>
            <ac:spMk id="2" creationId="{1443F01A-C406-BA64-5526-7B0F36354D12}"/>
          </ac:spMkLst>
        </pc:spChg>
        <pc:spChg chg="del">
          <ac:chgData name="Nijhuis, M. (Michiel) (EBO_DSH)" userId="5901e7e0-4b53-4284-a8c1-53161a9e7861" providerId="ADAL" clId="{F11AA4BF-8C73-4196-B0C9-372CAC216896}" dt="2024-10-17T13:59:12.083" v="1181" actId="478"/>
          <ac:spMkLst>
            <pc:docMk/>
            <pc:sldMk cId="2377698473" sldId="292"/>
            <ac:spMk id="4" creationId="{278F3810-01EF-7A41-40DA-3D30869C1DBB}"/>
          </ac:spMkLst>
        </pc:spChg>
        <pc:spChg chg="add del mod">
          <ac:chgData name="Nijhuis, M. (Michiel) (EBO_DSH)" userId="5901e7e0-4b53-4284-a8c1-53161a9e7861" providerId="ADAL" clId="{F11AA4BF-8C73-4196-B0C9-372CAC216896}" dt="2024-10-17T14:02:20.937" v="1255" actId="478"/>
          <ac:spMkLst>
            <pc:docMk/>
            <pc:sldMk cId="2377698473" sldId="292"/>
            <ac:spMk id="6" creationId="{6F4D1958-6AA7-E0BF-60A1-A987A6C2AC64}"/>
          </ac:spMkLst>
        </pc:spChg>
        <pc:spChg chg="add mod">
          <ac:chgData name="Nijhuis, M. (Michiel) (EBO_DSH)" userId="5901e7e0-4b53-4284-a8c1-53161a9e7861" providerId="ADAL" clId="{F11AA4BF-8C73-4196-B0C9-372CAC216896}" dt="2024-10-17T14:03:23.111" v="1280" actId="20577"/>
          <ac:spMkLst>
            <pc:docMk/>
            <pc:sldMk cId="2377698473" sldId="292"/>
            <ac:spMk id="9" creationId="{DFBC10D4-6BC4-BCB1-B819-3977BB354236}"/>
          </ac:spMkLst>
        </pc:spChg>
        <pc:picChg chg="add mod modCrop">
          <ac:chgData name="Nijhuis, M. (Michiel) (EBO_DSH)" userId="5901e7e0-4b53-4284-a8c1-53161a9e7861" providerId="ADAL" clId="{F11AA4BF-8C73-4196-B0C9-372CAC216896}" dt="2024-10-17T14:03:17.414" v="1279" actId="1036"/>
          <ac:picMkLst>
            <pc:docMk/>
            <pc:sldMk cId="2377698473" sldId="292"/>
            <ac:picMk id="7" creationId="{B51C6A14-3D48-214A-CF9F-F57712F8C190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4:14:44.511" v="1342" actId="20577"/>
        <pc:sldMkLst>
          <pc:docMk/>
          <pc:sldMk cId="2445641140" sldId="293"/>
        </pc:sldMkLst>
        <pc:spChg chg="del">
          <ac:chgData name="Nijhuis, M. (Michiel) (EBO_DSH)" userId="5901e7e0-4b53-4284-a8c1-53161a9e7861" providerId="ADAL" clId="{F11AA4BF-8C73-4196-B0C9-372CAC216896}" dt="2024-10-17T14:09:59.114" v="1301" actId="478"/>
          <ac:spMkLst>
            <pc:docMk/>
            <pc:sldMk cId="2445641140" sldId="293"/>
            <ac:spMk id="4" creationId="{532397E8-C746-42D5-93E2-4129CBA38192}"/>
          </ac:spMkLst>
        </pc:spChg>
        <pc:spChg chg="add mod">
          <ac:chgData name="Nijhuis, M. (Michiel) (EBO_DSH)" userId="5901e7e0-4b53-4284-a8c1-53161a9e7861" providerId="ADAL" clId="{F11AA4BF-8C73-4196-B0C9-372CAC216896}" dt="2024-10-17T14:14:44.511" v="1342" actId="20577"/>
          <ac:spMkLst>
            <pc:docMk/>
            <pc:sldMk cId="2445641140" sldId="293"/>
            <ac:spMk id="6" creationId="{B398ED09-42F7-30FA-4699-9869CB1051D7}"/>
          </ac:spMkLst>
        </pc:spChg>
        <pc:picChg chg="add mod">
          <ac:chgData name="Nijhuis, M. (Michiel) (EBO_DSH)" userId="5901e7e0-4b53-4284-a8c1-53161a9e7861" providerId="ADAL" clId="{F11AA4BF-8C73-4196-B0C9-372CAC216896}" dt="2024-10-17T14:11:21.650" v="1310" actId="1076"/>
          <ac:picMkLst>
            <pc:docMk/>
            <pc:sldMk cId="2445641140" sldId="293"/>
            <ac:picMk id="7" creationId="{AEA8C32B-E472-46BF-5ED6-16F6EC865DA1}"/>
          </ac:picMkLst>
        </pc:picChg>
      </pc:sldChg>
      <pc:sldChg chg="addSp delSp modSp add mod">
        <pc:chgData name="Nijhuis, M. (Michiel) (EBO_DSH)" userId="5901e7e0-4b53-4284-a8c1-53161a9e7861" providerId="ADAL" clId="{F11AA4BF-8C73-4196-B0C9-372CAC216896}" dt="2024-10-17T14:12:59.106" v="1324" actId="1076"/>
        <pc:sldMkLst>
          <pc:docMk/>
          <pc:sldMk cId="2213217659" sldId="294"/>
        </pc:sldMkLst>
        <pc:spChg chg="mod">
          <ac:chgData name="Nijhuis, M. (Michiel) (EBO_DSH)" userId="5901e7e0-4b53-4284-a8c1-53161a9e7861" providerId="ADAL" clId="{F11AA4BF-8C73-4196-B0C9-372CAC216896}" dt="2024-10-17T14:12:46.196" v="1321" actId="20577"/>
          <ac:spMkLst>
            <pc:docMk/>
            <pc:sldMk cId="2213217659" sldId="294"/>
            <ac:spMk id="6" creationId="{B398ED09-42F7-30FA-4699-9869CB1051D7}"/>
          </ac:spMkLst>
        </pc:spChg>
        <pc:picChg chg="add mod">
          <ac:chgData name="Nijhuis, M. (Michiel) (EBO_DSH)" userId="5901e7e0-4b53-4284-a8c1-53161a9e7861" providerId="ADAL" clId="{F11AA4BF-8C73-4196-B0C9-372CAC216896}" dt="2024-10-17T14:12:59.106" v="1324" actId="1076"/>
          <ac:picMkLst>
            <pc:docMk/>
            <pc:sldMk cId="2213217659" sldId="294"/>
            <ac:picMk id="4" creationId="{EEAB2F34-5FCD-FA92-896E-328CD6076328}"/>
          </ac:picMkLst>
        </pc:picChg>
        <pc:picChg chg="del">
          <ac:chgData name="Nijhuis, M. (Michiel) (EBO_DSH)" userId="5901e7e0-4b53-4284-a8c1-53161a9e7861" providerId="ADAL" clId="{F11AA4BF-8C73-4196-B0C9-372CAC216896}" dt="2024-10-17T14:11:28.996" v="1312" actId="478"/>
          <ac:picMkLst>
            <pc:docMk/>
            <pc:sldMk cId="2213217659" sldId="294"/>
            <ac:picMk id="7" creationId="{AEA8C32B-E472-46BF-5ED6-16F6EC865DA1}"/>
          </ac:picMkLst>
        </pc:picChg>
      </pc:sldChg>
      <pc:sldChg chg="modSp add mod">
        <pc:chgData name="Nijhuis, M. (Michiel) (EBO_DSH)" userId="5901e7e0-4b53-4284-a8c1-53161a9e7861" providerId="ADAL" clId="{F11AA4BF-8C73-4196-B0C9-372CAC216896}" dt="2024-10-17T14:14:12.445" v="1335" actId="20577"/>
        <pc:sldMkLst>
          <pc:docMk/>
          <pc:sldMk cId="1205959308" sldId="295"/>
        </pc:sldMkLst>
        <pc:spChg chg="mod">
          <ac:chgData name="Nijhuis, M. (Michiel) (EBO_DSH)" userId="5901e7e0-4b53-4284-a8c1-53161a9e7861" providerId="ADAL" clId="{F11AA4BF-8C73-4196-B0C9-372CAC216896}" dt="2024-10-17T14:14:12.445" v="1335" actId="20577"/>
          <ac:spMkLst>
            <pc:docMk/>
            <pc:sldMk cId="1205959308" sldId="295"/>
            <ac:spMk id="6" creationId="{B398ED09-42F7-30FA-4699-9869CB1051D7}"/>
          </ac:spMkLst>
        </pc:spChg>
      </pc:sldChg>
      <pc:sldChg chg="addSp delSp modSp new mod">
        <pc:chgData name="Nijhuis, M. (Michiel) (EBO_DSH)" userId="5901e7e0-4b53-4284-a8c1-53161a9e7861" providerId="ADAL" clId="{F11AA4BF-8C73-4196-B0C9-372CAC216896}" dt="2024-10-17T14:20:53.090" v="1380" actId="1076"/>
        <pc:sldMkLst>
          <pc:docMk/>
          <pc:sldMk cId="668637697" sldId="296"/>
        </pc:sldMkLst>
        <pc:spChg chg="mod">
          <ac:chgData name="Nijhuis, M. (Michiel) (EBO_DSH)" userId="5901e7e0-4b53-4284-a8c1-53161a9e7861" providerId="ADAL" clId="{F11AA4BF-8C73-4196-B0C9-372CAC216896}" dt="2024-10-17T14:15:40.921" v="1353" actId="20577"/>
          <ac:spMkLst>
            <pc:docMk/>
            <pc:sldMk cId="668637697" sldId="296"/>
            <ac:spMk id="2" creationId="{B34BE701-ACB4-BD99-9C2E-66684BB9B24A}"/>
          </ac:spMkLst>
        </pc:spChg>
        <pc:spChg chg="del">
          <ac:chgData name="Nijhuis, M. (Michiel) (EBO_DSH)" userId="5901e7e0-4b53-4284-a8c1-53161a9e7861" providerId="ADAL" clId="{F11AA4BF-8C73-4196-B0C9-372CAC216896}" dt="2024-10-17T14:15:32.246" v="1344" actId="478"/>
          <ac:spMkLst>
            <pc:docMk/>
            <pc:sldMk cId="668637697" sldId="296"/>
            <ac:spMk id="4" creationId="{5B9555F0-231A-CE08-3FC0-0AF34AE8DDA6}"/>
          </ac:spMkLst>
        </pc:spChg>
        <pc:spChg chg="add mod">
          <ac:chgData name="Nijhuis, M. (Michiel) (EBO_DSH)" userId="5901e7e0-4b53-4284-a8c1-53161a9e7861" providerId="ADAL" clId="{F11AA4BF-8C73-4196-B0C9-372CAC216896}" dt="2024-10-17T14:16:01.073" v="1359" actId="58"/>
          <ac:spMkLst>
            <pc:docMk/>
            <pc:sldMk cId="668637697" sldId="296"/>
            <ac:spMk id="6" creationId="{962919C3-CC5D-B2CE-06AF-86E632236228}"/>
          </ac:spMkLst>
        </pc:spChg>
        <pc:picChg chg="add mod">
          <ac:chgData name="Nijhuis, M. (Michiel) (EBO_DSH)" userId="5901e7e0-4b53-4284-a8c1-53161a9e7861" providerId="ADAL" clId="{F11AA4BF-8C73-4196-B0C9-372CAC216896}" dt="2024-10-17T14:20:53.090" v="1380" actId="1076"/>
          <ac:picMkLst>
            <pc:docMk/>
            <pc:sldMk cId="668637697" sldId="296"/>
            <ac:picMk id="11266" creationId="{9D871C23-E65E-9DD9-6C3C-F6CC24B4835B}"/>
          </ac:picMkLst>
        </pc:picChg>
      </pc:sldChg>
      <pc:sldChg chg="addSp delSp modSp new mod">
        <pc:chgData name="Nijhuis, M. (Michiel) (EBO_DSH)" userId="5901e7e0-4b53-4284-a8c1-53161a9e7861" providerId="ADAL" clId="{F11AA4BF-8C73-4196-B0C9-372CAC216896}" dt="2024-10-17T14:23:13.206" v="1388" actId="1076"/>
        <pc:sldMkLst>
          <pc:docMk/>
          <pc:sldMk cId="3336877259" sldId="297"/>
        </pc:sldMkLst>
        <pc:spChg chg="mod">
          <ac:chgData name="Nijhuis, M. (Michiel) (EBO_DSH)" userId="5901e7e0-4b53-4284-a8c1-53161a9e7861" providerId="ADAL" clId="{F11AA4BF-8C73-4196-B0C9-372CAC216896}" dt="2024-10-17T14:17:51.314" v="1371" actId="27636"/>
          <ac:spMkLst>
            <pc:docMk/>
            <pc:sldMk cId="3336877259" sldId="297"/>
            <ac:spMk id="2" creationId="{71C2E84D-5AB6-6C60-0F22-4464C912B1F0}"/>
          </ac:spMkLst>
        </pc:spChg>
        <pc:spChg chg="del">
          <ac:chgData name="Nijhuis, M. (Michiel) (EBO_DSH)" userId="5901e7e0-4b53-4284-a8c1-53161a9e7861" providerId="ADAL" clId="{F11AA4BF-8C73-4196-B0C9-372CAC216896}" dt="2024-10-17T14:17:34.767" v="1361" actId="478"/>
          <ac:spMkLst>
            <pc:docMk/>
            <pc:sldMk cId="3336877259" sldId="297"/>
            <ac:spMk id="4" creationId="{9BA9870B-AB85-6796-17A5-9BF2806B570A}"/>
          </ac:spMkLst>
        </pc:spChg>
        <pc:spChg chg="add mod">
          <ac:chgData name="Nijhuis, M. (Michiel) (EBO_DSH)" userId="5901e7e0-4b53-4284-a8c1-53161a9e7861" providerId="ADAL" clId="{F11AA4BF-8C73-4196-B0C9-372CAC216896}" dt="2024-10-17T14:18:22.446" v="1375" actId="1076"/>
          <ac:spMkLst>
            <pc:docMk/>
            <pc:sldMk cId="3336877259" sldId="297"/>
            <ac:spMk id="6" creationId="{4B0520AB-9EA8-25F5-BD1E-7E3BED40C4A7}"/>
          </ac:spMkLst>
        </pc:spChg>
        <pc:picChg chg="add mod">
          <ac:chgData name="Nijhuis, M. (Michiel) (EBO_DSH)" userId="5901e7e0-4b53-4284-a8c1-53161a9e7861" providerId="ADAL" clId="{F11AA4BF-8C73-4196-B0C9-372CAC216896}" dt="2024-10-17T14:23:13.206" v="1388" actId="1076"/>
          <ac:picMkLst>
            <pc:docMk/>
            <pc:sldMk cId="3336877259" sldId="297"/>
            <ac:picMk id="12290" creationId="{66863645-3F21-5F05-D587-21D0F79E9679}"/>
          </ac:picMkLst>
        </pc:picChg>
      </pc:sldChg>
      <pc:sldChg chg="addSp delSp modSp new mod chgLayout">
        <pc:chgData name="Nijhuis, M. (Michiel) (EBO_DSH)" userId="5901e7e0-4b53-4284-a8c1-53161a9e7861" providerId="ADAL" clId="{F11AA4BF-8C73-4196-B0C9-372CAC216896}" dt="2024-10-17T14:33:12.815" v="1593" actId="1076"/>
        <pc:sldMkLst>
          <pc:docMk/>
          <pc:sldMk cId="3863946091" sldId="298"/>
        </pc:sldMkLst>
        <pc:spChg chg="del">
          <ac:chgData name="Nijhuis, M. (Michiel) (EBO_DSH)" userId="5901e7e0-4b53-4284-a8c1-53161a9e7861" providerId="ADAL" clId="{F11AA4BF-8C73-4196-B0C9-372CAC216896}" dt="2024-10-17T14:24:36.737" v="1390" actId="700"/>
          <ac:spMkLst>
            <pc:docMk/>
            <pc:sldMk cId="3863946091" sldId="298"/>
            <ac:spMk id="2" creationId="{0B0BBEA1-42B1-3224-79A4-EAB86AB536BD}"/>
          </ac:spMkLst>
        </pc:spChg>
        <pc:spChg chg="del mod ord">
          <ac:chgData name="Nijhuis, M. (Michiel) (EBO_DSH)" userId="5901e7e0-4b53-4284-a8c1-53161a9e7861" providerId="ADAL" clId="{F11AA4BF-8C73-4196-B0C9-372CAC216896}" dt="2024-10-17T14:24:36.737" v="1390" actId="700"/>
          <ac:spMkLst>
            <pc:docMk/>
            <pc:sldMk cId="3863946091" sldId="298"/>
            <ac:spMk id="3" creationId="{9574A7C2-F71D-C7C1-B762-9BDBCC4E3009}"/>
          </ac:spMkLst>
        </pc:spChg>
        <pc:spChg chg="add mod ord">
          <ac:chgData name="Nijhuis, M. (Michiel) (EBO_DSH)" userId="5901e7e0-4b53-4284-a8c1-53161a9e7861" providerId="ADAL" clId="{F11AA4BF-8C73-4196-B0C9-372CAC216896}" dt="2024-10-17T14:24:46.186" v="1407" actId="20577"/>
          <ac:spMkLst>
            <pc:docMk/>
            <pc:sldMk cId="3863946091" sldId="298"/>
            <ac:spMk id="4" creationId="{C460FB4C-925E-A352-9434-45BD7D2E3782}"/>
          </ac:spMkLst>
        </pc:spChg>
        <pc:spChg chg="add del mod ord">
          <ac:chgData name="Nijhuis, M. (Michiel) (EBO_DSH)" userId="5901e7e0-4b53-4284-a8c1-53161a9e7861" providerId="ADAL" clId="{F11AA4BF-8C73-4196-B0C9-372CAC216896}" dt="2024-10-17T14:24:51.868" v="1408" actId="478"/>
          <ac:spMkLst>
            <pc:docMk/>
            <pc:sldMk cId="3863946091" sldId="298"/>
            <ac:spMk id="5" creationId="{A07BC53A-FFA8-F5D8-137C-F755ADF43F31}"/>
          </ac:spMkLst>
        </pc:spChg>
        <pc:spChg chg="add mod">
          <ac:chgData name="Nijhuis, M. (Michiel) (EBO_DSH)" userId="5901e7e0-4b53-4284-a8c1-53161a9e7861" providerId="ADAL" clId="{F11AA4BF-8C73-4196-B0C9-372CAC216896}" dt="2024-10-17T14:28:41.977" v="1583" actId="20577"/>
          <ac:spMkLst>
            <pc:docMk/>
            <pc:sldMk cId="3863946091" sldId="298"/>
            <ac:spMk id="6" creationId="{D81A1112-E9AD-D2AF-C9DB-F6D057156334}"/>
          </ac:spMkLst>
        </pc:spChg>
        <pc:spChg chg="add del">
          <ac:chgData name="Nijhuis, M. (Michiel) (EBO_DSH)" userId="5901e7e0-4b53-4284-a8c1-53161a9e7861" providerId="ADAL" clId="{F11AA4BF-8C73-4196-B0C9-372CAC216896}" dt="2024-10-17T14:32:05.660" v="1585" actId="478"/>
          <ac:spMkLst>
            <pc:docMk/>
            <pc:sldMk cId="3863946091" sldId="298"/>
            <ac:spMk id="7" creationId="{88C0E2EC-B33B-25FD-0830-6F9C7F798D52}"/>
          </ac:spMkLst>
        </pc:spChg>
        <pc:spChg chg="add">
          <ac:chgData name="Nijhuis, M. (Michiel) (EBO_DSH)" userId="5901e7e0-4b53-4284-a8c1-53161a9e7861" providerId="ADAL" clId="{F11AA4BF-8C73-4196-B0C9-372CAC216896}" dt="2024-10-17T14:32:19.446" v="1586"/>
          <ac:spMkLst>
            <pc:docMk/>
            <pc:sldMk cId="3863946091" sldId="298"/>
            <ac:spMk id="8" creationId="{54C9B547-9803-81BC-85C7-48BDB9C918C3}"/>
          </ac:spMkLst>
        </pc:spChg>
        <pc:spChg chg="add">
          <ac:chgData name="Nijhuis, M. (Michiel) (EBO_DSH)" userId="5901e7e0-4b53-4284-a8c1-53161a9e7861" providerId="ADAL" clId="{F11AA4BF-8C73-4196-B0C9-372CAC216896}" dt="2024-10-17T14:32:28.856" v="1587"/>
          <ac:spMkLst>
            <pc:docMk/>
            <pc:sldMk cId="3863946091" sldId="298"/>
            <ac:spMk id="9" creationId="{8A620066-CF5E-7584-DDD3-CE49D9AA5743}"/>
          </ac:spMkLst>
        </pc:spChg>
        <pc:picChg chg="add mod modCrop">
          <ac:chgData name="Nijhuis, M. (Michiel) (EBO_DSH)" userId="5901e7e0-4b53-4284-a8c1-53161a9e7861" providerId="ADAL" clId="{F11AA4BF-8C73-4196-B0C9-372CAC216896}" dt="2024-10-17T14:33:12.815" v="1593" actId="1076"/>
          <ac:picMkLst>
            <pc:docMk/>
            <pc:sldMk cId="3863946091" sldId="298"/>
            <ac:picMk id="10" creationId="{C72431D9-875B-86A3-F59A-EDB48CD920E7}"/>
          </ac:picMkLst>
        </pc:picChg>
      </pc:sldChg>
      <pc:sldMasterChg chg="addSp modSp mod modSldLayout">
        <pc:chgData name="Nijhuis, M. (Michiel) (EBO_DSH)" userId="5901e7e0-4b53-4284-a8c1-53161a9e7861" providerId="ADAL" clId="{F11AA4BF-8C73-4196-B0C9-372CAC216896}" dt="2024-10-15T13:09:35.199" v="31" actId="14100"/>
        <pc:sldMasterMkLst>
          <pc:docMk/>
          <pc:sldMasterMk cId="983045303" sldId="2147483669"/>
        </pc:sldMasterMkLst>
        <pc:picChg chg="add mod">
          <ac:chgData name="Nijhuis, M. (Michiel) (EBO_DSH)" userId="5901e7e0-4b53-4284-a8c1-53161a9e7861" providerId="ADAL" clId="{F11AA4BF-8C73-4196-B0C9-372CAC216896}" dt="2024-10-15T13:09:35.199" v="31" actId="14100"/>
          <ac:picMkLst>
            <pc:docMk/>
            <pc:sldMasterMk cId="983045303" sldId="2147483669"/>
            <ac:picMk id="2" creationId="{3EE62C2E-5F27-0B83-65EB-6F9B1A597891}"/>
          </ac:picMkLst>
        </pc:picChg>
        <pc:sldLayoutChg chg="addSp modSp mod">
          <pc:chgData name="Nijhuis, M. (Michiel) (EBO_DSH)" userId="5901e7e0-4b53-4284-a8c1-53161a9e7861" providerId="ADAL" clId="{F11AA4BF-8C73-4196-B0C9-372CAC216896}" dt="2024-10-15T13:09:10.765" v="24" actId="1076"/>
          <pc:sldLayoutMkLst>
            <pc:docMk/>
            <pc:sldMasterMk cId="983045303" sldId="2147483669"/>
            <pc:sldLayoutMk cId="117110171" sldId="2147483648"/>
          </pc:sldLayoutMkLst>
          <pc:picChg chg="add mod">
            <ac:chgData name="Nijhuis, M. (Michiel) (EBO_DSH)" userId="5901e7e0-4b53-4284-a8c1-53161a9e7861" providerId="ADAL" clId="{F11AA4BF-8C73-4196-B0C9-372CAC216896}" dt="2024-10-15T13:09:10.765" v="24" actId="1076"/>
            <ac:picMkLst>
              <pc:docMk/>
              <pc:sldMasterMk cId="983045303" sldId="2147483669"/>
              <pc:sldLayoutMk cId="117110171" sldId="2147483648"/>
              <ac:picMk id="3" creationId="{DFB1EC60-ED71-7FAF-E1F2-F72B92EC5622}"/>
            </ac:picMkLst>
          </pc:picChg>
        </pc:sldLayoutChg>
        <pc:sldLayoutChg chg="addSp modSp">
          <pc:chgData name="Nijhuis, M. (Michiel) (EBO_DSH)" userId="5901e7e0-4b53-4284-a8c1-53161a9e7861" providerId="ADAL" clId="{F11AA4BF-8C73-4196-B0C9-372CAC216896}" dt="2024-10-15T13:09:16.412" v="25"/>
          <pc:sldLayoutMkLst>
            <pc:docMk/>
            <pc:sldMasterMk cId="983045303" sldId="2147483669"/>
            <pc:sldLayoutMk cId="1887135854" sldId="2147483670"/>
          </pc:sldLayoutMkLst>
          <pc:picChg chg="add mod">
            <ac:chgData name="Nijhuis, M. (Michiel) (EBO_DSH)" userId="5901e7e0-4b53-4284-a8c1-53161a9e7861" providerId="ADAL" clId="{F11AA4BF-8C73-4196-B0C9-372CAC216896}" dt="2024-10-15T13:09:16.412" v="25"/>
            <ac:picMkLst>
              <pc:docMk/>
              <pc:sldMasterMk cId="983045303" sldId="2147483669"/>
              <pc:sldLayoutMk cId="1887135854" sldId="2147483670"/>
              <ac:picMk id="3" creationId="{33EAC426-670A-634D-6A4C-37A3EE6252F4}"/>
            </ac:picMkLst>
          </pc:picChg>
        </pc:sldLayoutChg>
        <pc:sldLayoutChg chg="addSp modSp">
          <pc:chgData name="Nijhuis, M. (Michiel) (EBO_DSH)" userId="5901e7e0-4b53-4284-a8c1-53161a9e7861" providerId="ADAL" clId="{F11AA4BF-8C73-4196-B0C9-372CAC216896}" dt="2024-10-15T13:09:17.672" v="26"/>
          <pc:sldLayoutMkLst>
            <pc:docMk/>
            <pc:sldMasterMk cId="983045303" sldId="2147483669"/>
            <pc:sldLayoutMk cId="3607319625" sldId="2147483671"/>
          </pc:sldLayoutMkLst>
          <pc:picChg chg="add mod">
            <ac:chgData name="Nijhuis, M. (Michiel) (EBO_DSH)" userId="5901e7e0-4b53-4284-a8c1-53161a9e7861" providerId="ADAL" clId="{F11AA4BF-8C73-4196-B0C9-372CAC216896}" dt="2024-10-15T13:09:17.672" v="26"/>
            <ac:picMkLst>
              <pc:docMk/>
              <pc:sldMasterMk cId="983045303" sldId="2147483669"/>
              <pc:sldLayoutMk cId="3607319625" sldId="2147483671"/>
              <ac:picMk id="5" creationId="{C3DAC598-0407-575D-11DC-56AFE4F364C3}"/>
            </ac:picMkLst>
          </pc:picChg>
        </pc:sldLayoutChg>
        <pc:sldLayoutChg chg="addSp modSp">
          <pc:chgData name="Nijhuis, M. (Michiel) (EBO_DSH)" userId="5901e7e0-4b53-4284-a8c1-53161a9e7861" providerId="ADAL" clId="{F11AA4BF-8C73-4196-B0C9-372CAC216896}" dt="2024-10-15T13:09:18.637" v="27"/>
          <pc:sldLayoutMkLst>
            <pc:docMk/>
            <pc:sldMasterMk cId="983045303" sldId="2147483669"/>
            <pc:sldLayoutMk cId="3553836665" sldId="2147483672"/>
          </pc:sldLayoutMkLst>
          <pc:picChg chg="add mod">
            <ac:chgData name="Nijhuis, M. (Michiel) (EBO_DSH)" userId="5901e7e0-4b53-4284-a8c1-53161a9e7861" providerId="ADAL" clId="{F11AA4BF-8C73-4196-B0C9-372CAC216896}" dt="2024-10-15T13:08:47.501" v="20"/>
            <ac:picMkLst>
              <pc:docMk/>
              <pc:sldMasterMk cId="983045303" sldId="2147483669"/>
              <pc:sldLayoutMk cId="3553836665" sldId="2147483672"/>
              <ac:picMk id="5" creationId="{8BF5175C-F00A-0ED3-9118-AA5FE7C58269}"/>
            </ac:picMkLst>
          </pc:picChg>
          <pc:picChg chg="add mod">
            <ac:chgData name="Nijhuis, M. (Michiel) (EBO_DSH)" userId="5901e7e0-4b53-4284-a8c1-53161a9e7861" providerId="ADAL" clId="{F11AA4BF-8C73-4196-B0C9-372CAC216896}" dt="2024-10-15T13:09:18.637" v="27"/>
            <ac:picMkLst>
              <pc:docMk/>
              <pc:sldMasterMk cId="983045303" sldId="2147483669"/>
              <pc:sldLayoutMk cId="3553836665" sldId="2147483672"/>
              <ac:picMk id="7" creationId="{E560F8BC-52D0-6DE7-5FBE-3B42C4B3A278}"/>
            </ac:picMkLst>
          </pc:picChg>
        </pc:sldLayoutChg>
        <pc:sldLayoutChg chg="addSp modSp">
          <pc:chgData name="Nijhuis, M. (Michiel) (EBO_DSH)" userId="5901e7e0-4b53-4284-a8c1-53161a9e7861" providerId="ADAL" clId="{F11AA4BF-8C73-4196-B0C9-372CAC216896}" dt="2024-10-15T13:09:19.645" v="28"/>
          <pc:sldLayoutMkLst>
            <pc:docMk/>
            <pc:sldMasterMk cId="983045303" sldId="2147483669"/>
            <pc:sldLayoutMk cId="4056623694" sldId="2147483673"/>
          </pc:sldLayoutMkLst>
          <pc:picChg chg="add mod">
            <ac:chgData name="Nijhuis, M. (Michiel) (EBO_DSH)" userId="5901e7e0-4b53-4284-a8c1-53161a9e7861" providerId="ADAL" clId="{F11AA4BF-8C73-4196-B0C9-372CAC216896}" dt="2024-10-15T13:09:19.645" v="28"/>
            <ac:picMkLst>
              <pc:docMk/>
              <pc:sldMasterMk cId="983045303" sldId="2147483669"/>
              <pc:sldLayoutMk cId="4056623694" sldId="2147483673"/>
              <ac:picMk id="4" creationId="{189B9362-0F70-DBAC-C8DB-93AA0D7ED3E4}"/>
            </ac:picMkLst>
          </pc:picChg>
        </pc:sldLayoutChg>
      </pc:sldMaster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00D5B51-A3C5-4FC7-8A0D-54EFEFAFACD3}" type="datetimeFigureOut">
              <a:rPr lang="nl-NL" smtClean="0"/>
              <a:t>15-10-2024</a:t>
            </a:fld>
            <a:endParaRPr lang="nl-NL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 om de modelstijlen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9513F78-5509-4637-B397-C3DEABA56153}" type="slidenum">
              <a:rPr lang="nl-NL" smtClean="0"/>
              <a:t>‹#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13885097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Blauw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A472981F-0950-11BF-7532-49B71F309AFC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5DDF5EA-C147-3529-8853-16D86285A6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2940"/>
          <a:stretch>
            <a:fillRect/>
          </a:stretch>
        </p:blipFill>
        <p:spPr>
          <a:xfrm>
            <a:off x="0" y="252000"/>
            <a:ext cx="7287816" cy="4992300"/>
          </a:xfrm>
          <a:custGeom>
            <a:avLst/>
            <a:gdLst>
              <a:gd name="connsiteX0" fmla="*/ 0 w 7287816"/>
              <a:gd name="connsiteY0" fmla="*/ 0 h 4992300"/>
              <a:gd name="connsiteX1" fmla="*/ 7287816 w 7287816"/>
              <a:gd name="connsiteY1" fmla="*/ 0 h 4992300"/>
              <a:gd name="connsiteX2" fmla="*/ 7287816 w 7287816"/>
              <a:gd name="connsiteY2" fmla="*/ 4992300 h 4992300"/>
              <a:gd name="connsiteX3" fmla="*/ 0 w 7287816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87816" h="4992300">
                <a:moveTo>
                  <a:pt x="0" y="0"/>
                </a:moveTo>
                <a:lnTo>
                  <a:pt x="7287816" y="0"/>
                </a:lnTo>
                <a:lnTo>
                  <a:pt x="7287816" y="4992300"/>
                </a:lnTo>
                <a:lnTo>
                  <a:pt x="0" y="4992300"/>
                </a:lnTo>
                <a:close/>
              </a:path>
            </a:pathLst>
          </a:custGeom>
        </p:spPr>
      </p:pic>
      <p:sp>
        <p:nvSpPr>
          <p:cNvPr id="2" name="Date" descr="{&quot;templafy&quot;:{&quot;id&quot;:&quot;f1ca9fdb-c388-4ee8-a2ef-0adce3f40036&quot;}}">
            <a:extLst>
              <a:ext uri="{FF2B5EF4-FFF2-40B4-BE49-F238E27FC236}">
                <a16:creationId xmlns:a16="http://schemas.microsoft.com/office/drawing/2014/main" id="{13E8B1FD-06D3-1D3D-95CE-2EDFCFDCBF39}"/>
              </a:ext>
            </a:extLst>
          </p:cNvPr>
          <p:cNvSpPr/>
          <p:nvPr userDrawn="1"/>
        </p:nvSpPr>
        <p:spPr>
          <a:xfrm>
            <a:off x="510148" y="1958690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 dirty="0"/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D4DF47EF-6FD3-8974-6347-19105660ECB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0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 dirty="0"/>
              <a:t>Click to edit Master text styles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030CB566-3812-DE5A-43D8-70D05DBFCA2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0148" y="3467204"/>
            <a:ext cx="5447738" cy="39676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>
            <a:lvl1pPr>
              <a:defRPr lang="en-US" sz="2100" kern="1200" smtClean="0">
                <a:solidFill>
                  <a:schemeClr val="lt1"/>
                </a:solidFill>
              </a:defRPr>
            </a:lvl1pPr>
            <a:lvl2pPr>
              <a:defRPr lang="en-US" sz="1800" smtClean="0">
                <a:solidFill>
                  <a:schemeClr val="lt1"/>
                </a:solidFill>
              </a:defRPr>
            </a:lvl2pPr>
            <a:lvl3pPr>
              <a:defRPr lang="en-US" sz="1800" smtClean="0">
                <a:solidFill>
                  <a:schemeClr val="lt1"/>
                </a:solidFill>
              </a:defRPr>
            </a:lvl3pPr>
            <a:lvl4pPr>
              <a:defRPr lang="en-US" sz="1800" smtClean="0">
                <a:solidFill>
                  <a:schemeClr val="lt1"/>
                </a:solidFill>
              </a:defRPr>
            </a:lvl4pPr>
            <a:lvl5pPr>
              <a:defRPr lang="nl-NL" sz="1800">
                <a:solidFill>
                  <a:schemeClr val="lt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Name" descr="{&quot;templafy&quot;:{&quot;id&quot;:&quot;b5558885-9546-425e-812d-c9fb982495f5&quot;}}">
            <a:extLst>
              <a:ext uri="{FF2B5EF4-FFF2-40B4-BE49-F238E27FC236}">
                <a16:creationId xmlns:a16="http://schemas.microsoft.com/office/drawing/2014/main" id="{52D0E052-B47A-F199-16AA-C3924F12888B}"/>
              </a:ext>
            </a:extLst>
          </p:cNvPr>
          <p:cNvSpPr/>
          <p:nvPr userDrawn="1"/>
        </p:nvSpPr>
        <p:spPr>
          <a:xfrm>
            <a:off x="5016501" y="4323734"/>
            <a:ext cx="36040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en-GB" sz="1050" dirty="0"/>
              <a:t>Nijhuis, M. (Michiel) (EBO_DSH)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9B6EEF4-3C3C-7A6D-E9EA-3EEA93F2D23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FB1EC60-ED71-7FAF-E1F2-F72B92EC562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59089" y="3936727"/>
            <a:ext cx="2049293" cy="6958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7110171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leurverloop rec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8ABE741-2488-CF81-B0CC-FE756926756B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ED49BE91-596B-DA89-FBE1-69E2C2785275}"/>
              </a:ext>
            </a:extLst>
          </p:cNvPr>
          <p:cNvSpPr/>
          <p:nvPr userDrawn="1"/>
        </p:nvSpPr>
        <p:spPr>
          <a:xfrm>
            <a:off x="6084000" y="252000"/>
            <a:ext cx="3060000" cy="4992300"/>
          </a:xfrm>
          <a:custGeom>
            <a:avLst/>
            <a:gdLst>
              <a:gd name="connsiteX0" fmla="*/ 0 w 3060000"/>
              <a:gd name="connsiteY0" fmla="*/ 0 h 4992300"/>
              <a:gd name="connsiteX1" fmla="*/ 3060000 w 3060000"/>
              <a:gd name="connsiteY1" fmla="*/ 0 h 4992300"/>
              <a:gd name="connsiteX2" fmla="*/ 3060000 w 3060000"/>
              <a:gd name="connsiteY2" fmla="*/ 4992300 h 4992300"/>
              <a:gd name="connsiteX3" fmla="*/ 0 w 3060000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60000" h="4992300">
                <a:moveTo>
                  <a:pt x="0" y="0"/>
                </a:moveTo>
                <a:lnTo>
                  <a:pt x="3060000" y="0"/>
                </a:lnTo>
                <a:lnTo>
                  <a:pt x="3060000" y="4992300"/>
                </a:lnTo>
                <a:lnTo>
                  <a:pt x="0" y="4992300"/>
                </a:lnTo>
                <a:close/>
              </a:path>
            </a:pathLst>
          </a:custGeom>
          <a:gradFill>
            <a:gsLst>
              <a:gs pos="0">
                <a:schemeClr val="accent1"/>
              </a:gs>
              <a:gs pos="100000">
                <a:schemeClr val="accent2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344EEB74-3D0D-D422-4997-5FF839E959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94541" y="435548"/>
            <a:ext cx="2016000" cy="1086405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20" name="Text Placeholder 15">
            <a:extLst>
              <a:ext uri="{FF2B5EF4-FFF2-40B4-BE49-F238E27FC236}">
                <a16:creationId xmlns:a16="http://schemas.microsoft.com/office/drawing/2014/main" id="{9A456415-937D-EDA0-96CE-C076141B85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628918" y="1796022"/>
            <a:ext cx="2016000" cy="25830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4" name="Content Placeholder 5">
            <a:extLst>
              <a:ext uri="{FF2B5EF4-FFF2-40B4-BE49-F238E27FC236}">
                <a16:creationId xmlns:a16="http://schemas.microsoft.com/office/drawing/2014/main" id="{C97DF92B-D572-18ED-78FB-C6F41FFC6ED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11199" y="435548"/>
            <a:ext cx="5062259" cy="3943520"/>
          </a:xfrm>
        </p:spPr>
        <p:txBody>
          <a:bodyPr/>
          <a:lstStyle/>
          <a:p>
            <a:r>
              <a:rPr lang="en-GB" dirty="0" err="1"/>
              <a:t>Klikken</a:t>
            </a:r>
            <a:r>
              <a:rPr lang="en-GB" dirty="0"/>
              <a:t> om </a:t>
            </a:r>
            <a:r>
              <a:rPr lang="en-GB" dirty="0" err="1"/>
              <a:t>tekst</a:t>
            </a:r>
            <a:r>
              <a:rPr lang="en-GB" dirty="0"/>
              <a:t> of </a:t>
            </a:r>
            <a:r>
              <a:rPr lang="en-GB" dirty="0" err="1"/>
              <a:t>afbeelding</a:t>
            </a:r>
            <a:r>
              <a:rPr lang="en-GB" dirty="0"/>
              <a:t> toe </a:t>
            </a:r>
            <a:r>
              <a:rPr lang="en-GB" dirty="0" err="1"/>
              <a:t>te</a:t>
            </a:r>
            <a:r>
              <a:rPr lang="en-GB" dirty="0"/>
              <a:t> </a:t>
            </a:r>
            <a:r>
              <a:rPr lang="en-GB" dirty="0" err="1"/>
              <a:t>voegen</a:t>
            </a:r>
            <a:endParaRPr lang="en-GB" dirty="0"/>
          </a:p>
        </p:txBody>
      </p:sp>
      <p:sp>
        <p:nvSpPr>
          <p:cNvPr id="2" name="Slide Number Placeholder 2">
            <a:extLst>
              <a:ext uri="{FF2B5EF4-FFF2-40B4-BE49-F238E27FC236}">
                <a16:creationId xmlns:a16="http://schemas.microsoft.com/office/drawing/2014/main" id="{30A54039-8A90-CDCC-05F5-A87EB2B97B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8119110" y="4741067"/>
            <a:ext cx="519115" cy="1976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7ACD69-77E0-4B27-BE9A-0E1A45A60CED}" type="slidenum">
              <a:rPr lang="en-US" smtClean="0"/>
              <a:pPr/>
              <a:t>‹#›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5D098EA-EC7A-7110-6DD7-A06000A8E1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977987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0D39B93F-4960-5CF8-D79E-C97A2C76BE87}"/>
              </a:ext>
            </a:extLst>
          </p:cNvPr>
          <p:cNvSpPr/>
          <p:nvPr userDrawn="1"/>
        </p:nvSpPr>
        <p:spPr>
          <a:xfrm>
            <a:off x="0" y="252000"/>
            <a:ext cx="9144000" cy="48960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5D098EA-EC7A-7110-6DD7-A06000A8E1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269507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c 4" hidden="1">
            <a:extLst>
              <a:ext uri="{FF2B5EF4-FFF2-40B4-BE49-F238E27FC236}">
                <a16:creationId xmlns:a16="http://schemas.microsoft.com/office/drawing/2014/main" id="{20B60159-27EF-393C-8AB6-40BE1DCA8F2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A241DF0A-F250-CC7C-A747-38D0DEF4E13D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252000"/>
            <a:ext cx="9144000" cy="4992300"/>
          </a:xfrm>
          <a:custGeom>
            <a:avLst/>
            <a:gdLst>
              <a:gd name="connsiteX0" fmla="*/ 1311232 w 9144000"/>
              <a:gd name="connsiteY0" fmla="*/ 4784368 h 4992300"/>
              <a:gd name="connsiteX1" fmla="*/ 1311255 w 9144000"/>
              <a:gd name="connsiteY1" fmla="*/ 4784413 h 4992300"/>
              <a:gd name="connsiteX2" fmla="*/ 1311208 w 9144000"/>
              <a:gd name="connsiteY2" fmla="*/ 4784413 h 4992300"/>
              <a:gd name="connsiteX3" fmla="*/ 1202473 w 9144000"/>
              <a:gd name="connsiteY3" fmla="*/ 4771089 h 4992300"/>
              <a:gd name="connsiteX4" fmla="*/ 1208231 w 9144000"/>
              <a:gd name="connsiteY4" fmla="*/ 4771089 h 4992300"/>
              <a:gd name="connsiteX5" fmla="*/ 1215845 w 9144000"/>
              <a:gd name="connsiteY5" fmla="*/ 4777846 h 4992300"/>
              <a:gd name="connsiteX6" fmla="*/ 1207042 w 9144000"/>
              <a:gd name="connsiteY6" fmla="*/ 4784460 h 4992300"/>
              <a:gd name="connsiteX7" fmla="*/ 1202473 w 9144000"/>
              <a:gd name="connsiteY7" fmla="*/ 4784460 h 4992300"/>
              <a:gd name="connsiteX8" fmla="*/ 1247252 w 9144000"/>
              <a:gd name="connsiteY8" fmla="*/ 4770660 h 4992300"/>
              <a:gd name="connsiteX9" fmla="*/ 1260005 w 9144000"/>
              <a:gd name="connsiteY9" fmla="*/ 4784651 h 4992300"/>
              <a:gd name="connsiteX10" fmla="*/ 1246871 w 9144000"/>
              <a:gd name="connsiteY10" fmla="*/ 4798784 h 4992300"/>
              <a:gd name="connsiteX11" fmla="*/ 1234261 w 9144000"/>
              <a:gd name="connsiteY11" fmla="*/ 4784556 h 4992300"/>
              <a:gd name="connsiteX12" fmla="*/ 1247252 w 9144000"/>
              <a:gd name="connsiteY12" fmla="*/ 4770660 h 4992300"/>
              <a:gd name="connsiteX13" fmla="*/ 1420466 w 9144000"/>
              <a:gd name="connsiteY13" fmla="*/ 4767044 h 4992300"/>
              <a:gd name="connsiteX14" fmla="*/ 1420466 w 9144000"/>
              <a:gd name="connsiteY14" fmla="*/ 4802305 h 4992300"/>
              <a:gd name="connsiteX15" fmla="*/ 1441689 w 9144000"/>
              <a:gd name="connsiteY15" fmla="*/ 4802305 h 4992300"/>
              <a:gd name="connsiteX16" fmla="*/ 1441689 w 9144000"/>
              <a:gd name="connsiteY16" fmla="*/ 4798213 h 4992300"/>
              <a:gd name="connsiteX17" fmla="*/ 1425272 w 9144000"/>
              <a:gd name="connsiteY17" fmla="*/ 4798213 h 4992300"/>
              <a:gd name="connsiteX18" fmla="*/ 1425272 w 9144000"/>
              <a:gd name="connsiteY18" fmla="*/ 4786649 h 4992300"/>
              <a:gd name="connsiteX19" fmla="*/ 1439452 w 9144000"/>
              <a:gd name="connsiteY19" fmla="*/ 4786649 h 4992300"/>
              <a:gd name="connsiteX20" fmla="*/ 1439452 w 9144000"/>
              <a:gd name="connsiteY20" fmla="*/ 4782557 h 4992300"/>
              <a:gd name="connsiteX21" fmla="*/ 1425224 w 9144000"/>
              <a:gd name="connsiteY21" fmla="*/ 4782557 h 4992300"/>
              <a:gd name="connsiteX22" fmla="*/ 1425224 w 9144000"/>
              <a:gd name="connsiteY22" fmla="*/ 4771089 h 4992300"/>
              <a:gd name="connsiteX23" fmla="*/ 1440547 w 9144000"/>
              <a:gd name="connsiteY23" fmla="*/ 4771089 h 4992300"/>
              <a:gd name="connsiteX24" fmla="*/ 1440547 w 9144000"/>
              <a:gd name="connsiteY24" fmla="*/ 4767044 h 4992300"/>
              <a:gd name="connsiteX25" fmla="*/ 1391343 w 9144000"/>
              <a:gd name="connsiteY25" fmla="*/ 4767044 h 4992300"/>
              <a:gd name="connsiteX26" fmla="*/ 1391343 w 9144000"/>
              <a:gd name="connsiteY26" fmla="*/ 4802305 h 4992300"/>
              <a:gd name="connsiteX27" fmla="*/ 1412566 w 9144000"/>
              <a:gd name="connsiteY27" fmla="*/ 4802305 h 4992300"/>
              <a:gd name="connsiteX28" fmla="*/ 1412566 w 9144000"/>
              <a:gd name="connsiteY28" fmla="*/ 4798213 h 4992300"/>
              <a:gd name="connsiteX29" fmla="*/ 1396101 w 9144000"/>
              <a:gd name="connsiteY29" fmla="*/ 4798213 h 4992300"/>
              <a:gd name="connsiteX30" fmla="*/ 1396101 w 9144000"/>
              <a:gd name="connsiteY30" fmla="*/ 4786649 h 4992300"/>
              <a:gd name="connsiteX31" fmla="*/ 1410330 w 9144000"/>
              <a:gd name="connsiteY31" fmla="*/ 4786649 h 4992300"/>
              <a:gd name="connsiteX32" fmla="*/ 1410330 w 9144000"/>
              <a:gd name="connsiteY32" fmla="*/ 4782557 h 4992300"/>
              <a:gd name="connsiteX33" fmla="*/ 1396101 w 9144000"/>
              <a:gd name="connsiteY33" fmla="*/ 4782557 h 4992300"/>
              <a:gd name="connsiteX34" fmla="*/ 1396101 w 9144000"/>
              <a:gd name="connsiteY34" fmla="*/ 4771089 h 4992300"/>
              <a:gd name="connsiteX35" fmla="*/ 1411424 w 9144000"/>
              <a:gd name="connsiteY35" fmla="*/ 4771089 h 4992300"/>
              <a:gd name="connsiteX36" fmla="*/ 1411424 w 9144000"/>
              <a:gd name="connsiteY36" fmla="*/ 4767044 h 4992300"/>
              <a:gd name="connsiteX37" fmla="*/ 1356129 w 9144000"/>
              <a:gd name="connsiteY37" fmla="*/ 4767044 h 4992300"/>
              <a:gd name="connsiteX38" fmla="*/ 1356129 w 9144000"/>
              <a:gd name="connsiteY38" fmla="*/ 4771231 h 4992300"/>
              <a:gd name="connsiteX39" fmla="*/ 1367883 w 9144000"/>
              <a:gd name="connsiteY39" fmla="*/ 4771231 h 4992300"/>
              <a:gd name="connsiteX40" fmla="*/ 1367883 w 9144000"/>
              <a:gd name="connsiteY40" fmla="*/ 4802305 h 4992300"/>
              <a:gd name="connsiteX41" fmla="*/ 1372689 w 9144000"/>
              <a:gd name="connsiteY41" fmla="*/ 4802305 h 4992300"/>
              <a:gd name="connsiteX42" fmla="*/ 1372689 w 9144000"/>
              <a:gd name="connsiteY42" fmla="*/ 4771231 h 4992300"/>
              <a:gd name="connsiteX43" fmla="*/ 1384443 w 9144000"/>
              <a:gd name="connsiteY43" fmla="*/ 4771231 h 4992300"/>
              <a:gd name="connsiteX44" fmla="*/ 1384443 w 9144000"/>
              <a:gd name="connsiteY44" fmla="*/ 4767044 h 4992300"/>
              <a:gd name="connsiteX45" fmla="*/ 1297170 w 9144000"/>
              <a:gd name="connsiteY45" fmla="*/ 4767044 h 4992300"/>
              <a:gd name="connsiteX46" fmla="*/ 1308686 w 9144000"/>
              <a:gd name="connsiteY46" fmla="*/ 4788934 h 4992300"/>
              <a:gd name="connsiteX47" fmla="*/ 1308686 w 9144000"/>
              <a:gd name="connsiteY47" fmla="*/ 4802305 h 4992300"/>
              <a:gd name="connsiteX48" fmla="*/ 1313444 w 9144000"/>
              <a:gd name="connsiteY48" fmla="*/ 4802305 h 4992300"/>
              <a:gd name="connsiteX49" fmla="*/ 1313444 w 9144000"/>
              <a:gd name="connsiteY49" fmla="*/ 4788934 h 4992300"/>
              <a:gd name="connsiteX50" fmla="*/ 1325722 w 9144000"/>
              <a:gd name="connsiteY50" fmla="*/ 4767044 h 4992300"/>
              <a:gd name="connsiteX51" fmla="*/ 1320487 w 9144000"/>
              <a:gd name="connsiteY51" fmla="*/ 4767044 h 4992300"/>
              <a:gd name="connsiteX52" fmla="*/ 1311232 w 9144000"/>
              <a:gd name="connsiteY52" fmla="*/ 4784368 h 4992300"/>
              <a:gd name="connsiteX53" fmla="*/ 1302547 w 9144000"/>
              <a:gd name="connsiteY53" fmla="*/ 4767044 h 4992300"/>
              <a:gd name="connsiteX54" fmla="*/ 1197620 w 9144000"/>
              <a:gd name="connsiteY54" fmla="*/ 4767044 h 4992300"/>
              <a:gd name="connsiteX55" fmla="*/ 1197620 w 9144000"/>
              <a:gd name="connsiteY55" fmla="*/ 4802305 h 4992300"/>
              <a:gd name="connsiteX56" fmla="*/ 1202426 w 9144000"/>
              <a:gd name="connsiteY56" fmla="*/ 4802305 h 4992300"/>
              <a:gd name="connsiteX57" fmla="*/ 1202426 w 9144000"/>
              <a:gd name="connsiteY57" fmla="*/ 4788600 h 4992300"/>
              <a:gd name="connsiteX58" fmla="*/ 1206709 w 9144000"/>
              <a:gd name="connsiteY58" fmla="*/ 4788600 h 4992300"/>
              <a:gd name="connsiteX59" fmla="*/ 1209754 w 9144000"/>
              <a:gd name="connsiteY59" fmla="*/ 4788362 h 4992300"/>
              <a:gd name="connsiteX60" fmla="*/ 1219414 w 9144000"/>
              <a:gd name="connsiteY60" fmla="*/ 4802258 h 4992300"/>
              <a:gd name="connsiteX61" fmla="*/ 1225077 w 9144000"/>
              <a:gd name="connsiteY61" fmla="*/ 4802258 h 4992300"/>
              <a:gd name="connsiteX62" fmla="*/ 1225124 w 9144000"/>
              <a:gd name="connsiteY62" fmla="*/ 4802305 h 4992300"/>
              <a:gd name="connsiteX63" fmla="*/ 1214560 w 9144000"/>
              <a:gd name="connsiteY63" fmla="*/ 4787173 h 4992300"/>
              <a:gd name="connsiteX64" fmla="*/ 1220842 w 9144000"/>
              <a:gd name="connsiteY64" fmla="*/ 4777513 h 4992300"/>
              <a:gd name="connsiteX65" fmla="*/ 1209278 w 9144000"/>
              <a:gd name="connsiteY65" fmla="*/ 4767044 h 4992300"/>
              <a:gd name="connsiteX66" fmla="*/ 1129619 w 9144000"/>
              <a:gd name="connsiteY66" fmla="*/ 4767044 h 4992300"/>
              <a:gd name="connsiteX67" fmla="*/ 1129619 w 9144000"/>
              <a:gd name="connsiteY67" fmla="*/ 4802305 h 4992300"/>
              <a:gd name="connsiteX68" fmla="*/ 1150842 w 9144000"/>
              <a:gd name="connsiteY68" fmla="*/ 4802305 h 4992300"/>
              <a:gd name="connsiteX69" fmla="*/ 1150842 w 9144000"/>
              <a:gd name="connsiteY69" fmla="*/ 4798213 h 4992300"/>
              <a:gd name="connsiteX70" fmla="*/ 1134425 w 9144000"/>
              <a:gd name="connsiteY70" fmla="*/ 4798213 h 4992300"/>
              <a:gd name="connsiteX71" fmla="*/ 1134378 w 9144000"/>
              <a:gd name="connsiteY71" fmla="*/ 4798213 h 4992300"/>
              <a:gd name="connsiteX72" fmla="*/ 1134378 w 9144000"/>
              <a:gd name="connsiteY72" fmla="*/ 4786649 h 4992300"/>
              <a:gd name="connsiteX73" fmla="*/ 1148606 w 9144000"/>
              <a:gd name="connsiteY73" fmla="*/ 4786649 h 4992300"/>
              <a:gd name="connsiteX74" fmla="*/ 1148606 w 9144000"/>
              <a:gd name="connsiteY74" fmla="*/ 4782557 h 4992300"/>
              <a:gd name="connsiteX75" fmla="*/ 1134378 w 9144000"/>
              <a:gd name="connsiteY75" fmla="*/ 4782557 h 4992300"/>
              <a:gd name="connsiteX76" fmla="*/ 1134378 w 9144000"/>
              <a:gd name="connsiteY76" fmla="*/ 4771089 h 4992300"/>
              <a:gd name="connsiteX77" fmla="*/ 1149700 w 9144000"/>
              <a:gd name="connsiteY77" fmla="*/ 4771089 h 4992300"/>
              <a:gd name="connsiteX78" fmla="*/ 1149700 w 9144000"/>
              <a:gd name="connsiteY78" fmla="*/ 4767044 h 4992300"/>
              <a:gd name="connsiteX79" fmla="*/ 1449541 w 9144000"/>
              <a:gd name="connsiteY79" fmla="*/ 4766996 h 4992300"/>
              <a:gd name="connsiteX80" fmla="*/ 1449541 w 9144000"/>
              <a:gd name="connsiteY80" fmla="*/ 4802258 h 4992300"/>
              <a:gd name="connsiteX81" fmla="*/ 1454299 w 9144000"/>
              <a:gd name="connsiteY81" fmla="*/ 4802258 h 4992300"/>
              <a:gd name="connsiteX82" fmla="*/ 1454299 w 9144000"/>
              <a:gd name="connsiteY82" fmla="*/ 4777275 h 4992300"/>
              <a:gd name="connsiteX83" fmla="*/ 1454157 w 9144000"/>
              <a:gd name="connsiteY83" fmla="*/ 4774515 h 4992300"/>
              <a:gd name="connsiteX84" fmla="*/ 1463864 w 9144000"/>
              <a:gd name="connsiteY84" fmla="*/ 4802258 h 4992300"/>
              <a:gd name="connsiteX85" fmla="*/ 1470146 w 9144000"/>
              <a:gd name="connsiteY85" fmla="*/ 4802258 h 4992300"/>
              <a:gd name="connsiteX86" fmla="*/ 1481185 w 9144000"/>
              <a:gd name="connsiteY86" fmla="*/ 4774087 h 4992300"/>
              <a:gd name="connsiteX87" fmla="*/ 1481090 w 9144000"/>
              <a:gd name="connsiteY87" fmla="*/ 4777180 h 4992300"/>
              <a:gd name="connsiteX88" fmla="*/ 1481090 w 9144000"/>
              <a:gd name="connsiteY88" fmla="*/ 4802258 h 4992300"/>
              <a:gd name="connsiteX89" fmla="*/ 1485897 w 9144000"/>
              <a:gd name="connsiteY89" fmla="*/ 4802258 h 4992300"/>
              <a:gd name="connsiteX90" fmla="*/ 1485897 w 9144000"/>
              <a:gd name="connsiteY90" fmla="*/ 4766996 h 4992300"/>
              <a:gd name="connsiteX91" fmla="*/ 1479615 w 9144000"/>
              <a:gd name="connsiteY91" fmla="*/ 4766996 h 4992300"/>
              <a:gd name="connsiteX92" fmla="*/ 1479615 w 9144000"/>
              <a:gd name="connsiteY92" fmla="*/ 4767044 h 4992300"/>
              <a:gd name="connsiteX93" fmla="*/ 1467195 w 9144000"/>
              <a:gd name="connsiteY93" fmla="*/ 4798403 h 4992300"/>
              <a:gd name="connsiteX94" fmla="*/ 1456155 w 9144000"/>
              <a:gd name="connsiteY94" fmla="*/ 4767282 h 4992300"/>
              <a:gd name="connsiteX95" fmla="*/ 1456060 w 9144000"/>
              <a:gd name="connsiteY95" fmla="*/ 4766996 h 4992300"/>
              <a:gd name="connsiteX96" fmla="*/ 1158313 w 9144000"/>
              <a:gd name="connsiteY96" fmla="*/ 4766996 h 4992300"/>
              <a:gd name="connsiteX97" fmla="*/ 1158313 w 9144000"/>
              <a:gd name="connsiteY97" fmla="*/ 4789885 h 4992300"/>
              <a:gd name="connsiteX98" fmla="*/ 1172589 w 9144000"/>
              <a:gd name="connsiteY98" fmla="*/ 4802829 h 4992300"/>
              <a:gd name="connsiteX99" fmla="*/ 1186675 w 9144000"/>
              <a:gd name="connsiteY99" fmla="*/ 4788553 h 4992300"/>
              <a:gd name="connsiteX100" fmla="*/ 1186675 w 9144000"/>
              <a:gd name="connsiteY100" fmla="*/ 4766996 h 4992300"/>
              <a:gd name="connsiteX101" fmla="*/ 1182011 w 9144000"/>
              <a:gd name="connsiteY101" fmla="*/ 4766996 h 4992300"/>
              <a:gd name="connsiteX102" fmla="*/ 1182011 w 9144000"/>
              <a:gd name="connsiteY102" fmla="*/ 4788410 h 4992300"/>
              <a:gd name="connsiteX103" fmla="*/ 1182059 w 9144000"/>
              <a:gd name="connsiteY103" fmla="*/ 4788458 h 4992300"/>
              <a:gd name="connsiteX104" fmla="*/ 1172637 w 9144000"/>
              <a:gd name="connsiteY104" fmla="*/ 4798641 h 4992300"/>
              <a:gd name="connsiteX105" fmla="*/ 1163262 w 9144000"/>
              <a:gd name="connsiteY105" fmla="*/ 4789552 h 4992300"/>
              <a:gd name="connsiteX106" fmla="*/ 1163262 w 9144000"/>
              <a:gd name="connsiteY106" fmla="*/ 4766996 h 4992300"/>
              <a:gd name="connsiteX107" fmla="*/ 1340711 w 9144000"/>
              <a:gd name="connsiteY107" fmla="*/ 4766616 h 4992300"/>
              <a:gd name="connsiteX108" fmla="*/ 1330147 w 9144000"/>
              <a:gd name="connsiteY108" fmla="*/ 4775324 h 4992300"/>
              <a:gd name="connsiteX109" fmla="*/ 1339664 w 9144000"/>
              <a:gd name="connsiteY109" fmla="*/ 4785983 h 4992300"/>
              <a:gd name="connsiteX110" fmla="*/ 1347040 w 9144000"/>
              <a:gd name="connsiteY110" fmla="*/ 4793216 h 4992300"/>
              <a:gd name="connsiteX111" fmla="*/ 1339141 w 9144000"/>
              <a:gd name="connsiteY111" fmla="*/ 4798594 h 4992300"/>
              <a:gd name="connsiteX112" fmla="*/ 1331146 w 9144000"/>
              <a:gd name="connsiteY112" fmla="*/ 4796833 h 4992300"/>
              <a:gd name="connsiteX113" fmla="*/ 1330766 w 9144000"/>
              <a:gd name="connsiteY113" fmla="*/ 4796690 h 4992300"/>
              <a:gd name="connsiteX114" fmla="*/ 1329100 w 9144000"/>
              <a:gd name="connsiteY114" fmla="*/ 4800592 h 4992300"/>
              <a:gd name="connsiteX115" fmla="*/ 1329433 w 9144000"/>
              <a:gd name="connsiteY115" fmla="*/ 4800735 h 4992300"/>
              <a:gd name="connsiteX116" fmla="*/ 1339236 w 9144000"/>
              <a:gd name="connsiteY116" fmla="*/ 4802876 h 4992300"/>
              <a:gd name="connsiteX117" fmla="*/ 1351751 w 9144000"/>
              <a:gd name="connsiteY117" fmla="*/ 4792931 h 4992300"/>
              <a:gd name="connsiteX118" fmla="*/ 1341901 w 9144000"/>
              <a:gd name="connsiteY118" fmla="*/ 4781891 h 4992300"/>
              <a:gd name="connsiteX119" fmla="*/ 1341806 w 9144000"/>
              <a:gd name="connsiteY119" fmla="*/ 4781891 h 4992300"/>
              <a:gd name="connsiteX120" fmla="*/ 1334668 w 9144000"/>
              <a:gd name="connsiteY120" fmla="*/ 4775181 h 4992300"/>
              <a:gd name="connsiteX121" fmla="*/ 1340759 w 9144000"/>
              <a:gd name="connsiteY121" fmla="*/ 4770708 h 4992300"/>
              <a:gd name="connsiteX122" fmla="*/ 1347801 w 9144000"/>
              <a:gd name="connsiteY122" fmla="*/ 4771993 h 4992300"/>
              <a:gd name="connsiteX123" fmla="*/ 1348182 w 9144000"/>
              <a:gd name="connsiteY123" fmla="*/ 4772136 h 4992300"/>
              <a:gd name="connsiteX124" fmla="*/ 1349562 w 9144000"/>
              <a:gd name="connsiteY124" fmla="*/ 4768471 h 4992300"/>
              <a:gd name="connsiteX125" fmla="*/ 1349229 w 9144000"/>
              <a:gd name="connsiteY125" fmla="*/ 4768329 h 4992300"/>
              <a:gd name="connsiteX126" fmla="*/ 1340711 w 9144000"/>
              <a:gd name="connsiteY126" fmla="*/ 4766616 h 4992300"/>
              <a:gd name="connsiteX127" fmla="*/ 1282085 w 9144000"/>
              <a:gd name="connsiteY127" fmla="*/ 4766616 h 4992300"/>
              <a:gd name="connsiteX128" fmla="*/ 1271521 w 9144000"/>
              <a:gd name="connsiteY128" fmla="*/ 4775324 h 4992300"/>
              <a:gd name="connsiteX129" fmla="*/ 1281038 w 9144000"/>
              <a:gd name="connsiteY129" fmla="*/ 4785983 h 4992300"/>
              <a:gd name="connsiteX130" fmla="*/ 1288414 w 9144000"/>
              <a:gd name="connsiteY130" fmla="*/ 4793216 h 4992300"/>
              <a:gd name="connsiteX131" fmla="*/ 1280515 w 9144000"/>
              <a:gd name="connsiteY131" fmla="*/ 4798594 h 4992300"/>
              <a:gd name="connsiteX132" fmla="*/ 1272520 w 9144000"/>
              <a:gd name="connsiteY132" fmla="*/ 4796833 h 4992300"/>
              <a:gd name="connsiteX133" fmla="*/ 1272140 w 9144000"/>
              <a:gd name="connsiteY133" fmla="*/ 4796690 h 4992300"/>
              <a:gd name="connsiteX134" fmla="*/ 1270474 w 9144000"/>
              <a:gd name="connsiteY134" fmla="*/ 4800592 h 4992300"/>
              <a:gd name="connsiteX135" fmla="*/ 1270807 w 9144000"/>
              <a:gd name="connsiteY135" fmla="*/ 4800735 h 4992300"/>
              <a:gd name="connsiteX136" fmla="*/ 1280610 w 9144000"/>
              <a:gd name="connsiteY136" fmla="*/ 4802876 h 4992300"/>
              <a:gd name="connsiteX137" fmla="*/ 1293125 w 9144000"/>
              <a:gd name="connsiteY137" fmla="*/ 4792931 h 4992300"/>
              <a:gd name="connsiteX138" fmla="*/ 1283275 w 9144000"/>
              <a:gd name="connsiteY138" fmla="*/ 4781891 h 4992300"/>
              <a:gd name="connsiteX139" fmla="*/ 1283179 w 9144000"/>
              <a:gd name="connsiteY139" fmla="*/ 4781891 h 4992300"/>
              <a:gd name="connsiteX140" fmla="*/ 1276042 w 9144000"/>
              <a:gd name="connsiteY140" fmla="*/ 4775181 h 4992300"/>
              <a:gd name="connsiteX141" fmla="*/ 1282133 w 9144000"/>
              <a:gd name="connsiteY141" fmla="*/ 4770708 h 4992300"/>
              <a:gd name="connsiteX142" fmla="*/ 1289175 w 9144000"/>
              <a:gd name="connsiteY142" fmla="*/ 4771993 h 4992300"/>
              <a:gd name="connsiteX143" fmla="*/ 1289556 w 9144000"/>
              <a:gd name="connsiteY143" fmla="*/ 4772136 h 4992300"/>
              <a:gd name="connsiteX144" fmla="*/ 1290936 w 9144000"/>
              <a:gd name="connsiteY144" fmla="*/ 4768471 h 4992300"/>
              <a:gd name="connsiteX145" fmla="*/ 1290603 w 9144000"/>
              <a:gd name="connsiteY145" fmla="*/ 4768329 h 4992300"/>
              <a:gd name="connsiteX146" fmla="*/ 1282085 w 9144000"/>
              <a:gd name="connsiteY146" fmla="*/ 4766616 h 4992300"/>
              <a:gd name="connsiteX147" fmla="*/ 1247680 w 9144000"/>
              <a:gd name="connsiteY147" fmla="*/ 4766568 h 4992300"/>
              <a:gd name="connsiteX148" fmla="*/ 1229502 w 9144000"/>
              <a:gd name="connsiteY148" fmla="*/ 4784603 h 4992300"/>
              <a:gd name="connsiteX149" fmla="*/ 1246776 w 9144000"/>
              <a:gd name="connsiteY149" fmla="*/ 4802876 h 4992300"/>
              <a:gd name="connsiteX150" fmla="*/ 1264811 w 9144000"/>
              <a:gd name="connsiteY150" fmla="*/ 4784698 h 4992300"/>
              <a:gd name="connsiteX151" fmla="*/ 1247680 w 9144000"/>
              <a:gd name="connsiteY151" fmla="*/ 4766568 h 4992300"/>
              <a:gd name="connsiteX152" fmla="*/ 507049 w 9144000"/>
              <a:gd name="connsiteY152" fmla="*/ 4475388 h 4992300"/>
              <a:gd name="connsiteX153" fmla="*/ 507049 w 9144000"/>
              <a:gd name="connsiteY153" fmla="*/ 4731782 h 4992300"/>
              <a:gd name="connsiteX154" fmla="*/ 1532673 w 9144000"/>
              <a:gd name="connsiteY154" fmla="*/ 4731782 h 4992300"/>
              <a:gd name="connsiteX155" fmla="*/ 1532673 w 9144000"/>
              <a:gd name="connsiteY155" fmla="*/ 4475388 h 4992300"/>
              <a:gd name="connsiteX156" fmla="*/ 0 w 9144000"/>
              <a:gd name="connsiteY156" fmla="*/ 0 h 4992300"/>
              <a:gd name="connsiteX157" fmla="*/ 9144000 w 9144000"/>
              <a:gd name="connsiteY157" fmla="*/ 0 h 4992300"/>
              <a:gd name="connsiteX158" fmla="*/ 9144000 w 9144000"/>
              <a:gd name="connsiteY158" fmla="*/ 4992300 h 4992300"/>
              <a:gd name="connsiteX159" fmla="*/ 0 w 9144000"/>
              <a:gd name="connsiteY159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</a:cxnLst>
            <a:rect l="l" t="t" r="r" b="b"/>
            <a:pathLst>
              <a:path w="9144000" h="4992300">
                <a:moveTo>
                  <a:pt x="1311232" y="4784368"/>
                </a:moveTo>
                <a:lnTo>
                  <a:pt x="1311255" y="4784413"/>
                </a:lnTo>
                <a:lnTo>
                  <a:pt x="1311208" y="4784413"/>
                </a:lnTo>
                <a:close/>
                <a:moveTo>
                  <a:pt x="1202473" y="4771089"/>
                </a:moveTo>
                <a:lnTo>
                  <a:pt x="1208231" y="4771089"/>
                </a:lnTo>
                <a:cubicBezTo>
                  <a:pt x="1213656" y="4771089"/>
                  <a:pt x="1215845" y="4773040"/>
                  <a:pt x="1215845" y="4777846"/>
                </a:cubicBezTo>
                <a:cubicBezTo>
                  <a:pt x="1215845" y="4782367"/>
                  <a:pt x="1213038" y="4784460"/>
                  <a:pt x="1207042" y="4784460"/>
                </a:cubicBezTo>
                <a:lnTo>
                  <a:pt x="1202473" y="4784460"/>
                </a:lnTo>
                <a:close/>
                <a:moveTo>
                  <a:pt x="1247252" y="4770660"/>
                </a:moveTo>
                <a:cubicBezTo>
                  <a:pt x="1255008" y="4770660"/>
                  <a:pt x="1260005" y="4775800"/>
                  <a:pt x="1260005" y="4784651"/>
                </a:cubicBezTo>
                <a:cubicBezTo>
                  <a:pt x="1260005" y="4793502"/>
                  <a:pt x="1255104" y="4798784"/>
                  <a:pt x="1246871" y="4798784"/>
                </a:cubicBezTo>
                <a:cubicBezTo>
                  <a:pt x="1241066" y="4798784"/>
                  <a:pt x="1234261" y="4795072"/>
                  <a:pt x="1234261" y="4784556"/>
                </a:cubicBezTo>
                <a:cubicBezTo>
                  <a:pt x="1234261" y="4775990"/>
                  <a:pt x="1239495" y="4770660"/>
                  <a:pt x="1247252" y="4770660"/>
                </a:cubicBezTo>
                <a:close/>
                <a:moveTo>
                  <a:pt x="1420466" y="4767044"/>
                </a:moveTo>
                <a:lnTo>
                  <a:pt x="1420466" y="4802305"/>
                </a:lnTo>
                <a:lnTo>
                  <a:pt x="1441689" y="4802305"/>
                </a:lnTo>
                <a:lnTo>
                  <a:pt x="1441689" y="4798213"/>
                </a:lnTo>
                <a:lnTo>
                  <a:pt x="1425272" y="4798213"/>
                </a:lnTo>
                <a:lnTo>
                  <a:pt x="1425272" y="4786649"/>
                </a:lnTo>
                <a:lnTo>
                  <a:pt x="1439452" y="4786649"/>
                </a:lnTo>
                <a:lnTo>
                  <a:pt x="1439452" y="4782557"/>
                </a:lnTo>
                <a:lnTo>
                  <a:pt x="1425224" y="4782557"/>
                </a:lnTo>
                <a:lnTo>
                  <a:pt x="1425224" y="4771089"/>
                </a:lnTo>
                <a:lnTo>
                  <a:pt x="1440547" y="4771089"/>
                </a:lnTo>
                <a:lnTo>
                  <a:pt x="1440547" y="4767044"/>
                </a:lnTo>
                <a:close/>
                <a:moveTo>
                  <a:pt x="1391343" y="4767044"/>
                </a:moveTo>
                <a:lnTo>
                  <a:pt x="1391343" y="4802305"/>
                </a:lnTo>
                <a:lnTo>
                  <a:pt x="1412566" y="4802305"/>
                </a:lnTo>
                <a:lnTo>
                  <a:pt x="1412566" y="4798213"/>
                </a:lnTo>
                <a:lnTo>
                  <a:pt x="1396101" y="4798213"/>
                </a:lnTo>
                <a:lnTo>
                  <a:pt x="1396101" y="4786649"/>
                </a:lnTo>
                <a:lnTo>
                  <a:pt x="1410330" y="4786649"/>
                </a:lnTo>
                <a:lnTo>
                  <a:pt x="1410330" y="4782557"/>
                </a:lnTo>
                <a:lnTo>
                  <a:pt x="1396101" y="4782557"/>
                </a:lnTo>
                <a:lnTo>
                  <a:pt x="1396101" y="4771089"/>
                </a:lnTo>
                <a:lnTo>
                  <a:pt x="1411424" y="4771089"/>
                </a:lnTo>
                <a:lnTo>
                  <a:pt x="1411424" y="4767044"/>
                </a:lnTo>
                <a:close/>
                <a:moveTo>
                  <a:pt x="1356129" y="4767044"/>
                </a:moveTo>
                <a:lnTo>
                  <a:pt x="1356129" y="4771231"/>
                </a:lnTo>
                <a:lnTo>
                  <a:pt x="1367883" y="4771231"/>
                </a:lnTo>
                <a:lnTo>
                  <a:pt x="1367883" y="4802305"/>
                </a:lnTo>
                <a:lnTo>
                  <a:pt x="1372689" y="4802305"/>
                </a:lnTo>
                <a:lnTo>
                  <a:pt x="1372689" y="4771231"/>
                </a:lnTo>
                <a:lnTo>
                  <a:pt x="1384443" y="4771231"/>
                </a:lnTo>
                <a:lnTo>
                  <a:pt x="1384443" y="4767044"/>
                </a:lnTo>
                <a:close/>
                <a:moveTo>
                  <a:pt x="1297170" y="4767044"/>
                </a:moveTo>
                <a:lnTo>
                  <a:pt x="1308686" y="4788934"/>
                </a:lnTo>
                <a:lnTo>
                  <a:pt x="1308686" y="4802305"/>
                </a:lnTo>
                <a:lnTo>
                  <a:pt x="1313444" y="4802305"/>
                </a:lnTo>
                <a:lnTo>
                  <a:pt x="1313444" y="4788934"/>
                </a:lnTo>
                <a:lnTo>
                  <a:pt x="1325722" y="4767044"/>
                </a:lnTo>
                <a:lnTo>
                  <a:pt x="1320487" y="4767044"/>
                </a:lnTo>
                <a:lnTo>
                  <a:pt x="1311232" y="4784368"/>
                </a:lnTo>
                <a:lnTo>
                  <a:pt x="1302547" y="4767044"/>
                </a:lnTo>
                <a:close/>
                <a:moveTo>
                  <a:pt x="1197620" y="4767044"/>
                </a:moveTo>
                <a:lnTo>
                  <a:pt x="1197620" y="4802305"/>
                </a:lnTo>
                <a:lnTo>
                  <a:pt x="1202426" y="4802305"/>
                </a:lnTo>
                <a:lnTo>
                  <a:pt x="1202426" y="4788600"/>
                </a:lnTo>
                <a:lnTo>
                  <a:pt x="1206709" y="4788600"/>
                </a:lnTo>
                <a:cubicBezTo>
                  <a:pt x="1207708" y="4788600"/>
                  <a:pt x="1208897" y="4788505"/>
                  <a:pt x="1209754" y="4788362"/>
                </a:cubicBezTo>
                <a:lnTo>
                  <a:pt x="1219414" y="4802258"/>
                </a:lnTo>
                <a:lnTo>
                  <a:pt x="1225077" y="4802258"/>
                </a:lnTo>
                <a:lnTo>
                  <a:pt x="1225124" y="4802305"/>
                </a:lnTo>
                <a:lnTo>
                  <a:pt x="1214560" y="4787173"/>
                </a:lnTo>
                <a:cubicBezTo>
                  <a:pt x="1218605" y="4785460"/>
                  <a:pt x="1220842" y="4782034"/>
                  <a:pt x="1220842" y="4777513"/>
                </a:cubicBezTo>
                <a:cubicBezTo>
                  <a:pt x="1220842" y="4770851"/>
                  <a:pt x="1216654" y="4767044"/>
                  <a:pt x="1209278" y="4767044"/>
                </a:cubicBezTo>
                <a:close/>
                <a:moveTo>
                  <a:pt x="1129619" y="4767044"/>
                </a:moveTo>
                <a:lnTo>
                  <a:pt x="1129619" y="4802305"/>
                </a:lnTo>
                <a:lnTo>
                  <a:pt x="1150842" y="4802305"/>
                </a:lnTo>
                <a:lnTo>
                  <a:pt x="1150842" y="4798213"/>
                </a:lnTo>
                <a:lnTo>
                  <a:pt x="1134425" y="4798213"/>
                </a:lnTo>
                <a:lnTo>
                  <a:pt x="1134378" y="4798213"/>
                </a:lnTo>
                <a:lnTo>
                  <a:pt x="1134378" y="4786649"/>
                </a:lnTo>
                <a:lnTo>
                  <a:pt x="1148606" y="4786649"/>
                </a:lnTo>
                <a:lnTo>
                  <a:pt x="1148606" y="4782557"/>
                </a:lnTo>
                <a:lnTo>
                  <a:pt x="1134378" y="4782557"/>
                </a:lnTo>
                <a:lnTo>
                  <a:pt x="1134378" y="4771089"/>
                </a:lnTo>
                <a:lnTo>
                  <a:pt x="1149700" y="4771089"/>
                </a:lnTo>
                <a:lnTo>
                  <a:pt x="1149700" y="4767044"/>
                </a:lnTo>
                <a:close/>
                <a:moveTo>
                  <a:pt x="1449541" y="4766996"/>
                </a:moveTo>
                <a:lnTo>
                  <a:pt x="1449541" y="4802258"/>
                </a:lnTo>
                <a:lnTo>
                  <a:pt x="1454299" y="4802258"/>
                </a:lnTo>
                <a:lnTo>
                  <a:pt x="1454299" y="4777275"/>
                </a:lnTo>
                <a:lnTo>
                  <a:pt x="1454157" y="4774515"/>
                </a:lnTo>
                <a:lnTo>
                  <a:pt x="1463864" y="4802258"/>
                </a:lnTo>
                <a:lnTo>
                  <a:pt x="1470146" y="4802258"/>
                </a:lnTo>
                <a:lnTo>
                  <a:pt x="1481185" y="4774087"/>
                </a:lnTo>
                <a:lnTo>
                  <a:pt x="1481090" y="4777180"/>
                </a:lnTo>
                <a:lnTo>
                  <a:pt x="1481090" y="4802258"/>
                </a:lnTo>
                <a:lnTo>
                  <a:pt x="1485897" y="4802258"/>
                </a:lnTo>
                <a:lnTo>
                  <a:pt x="1485897" y="4766996"/>
                </a:lnTo>
                <a:lnTo>
                  <a:pt x="1479615" y="4766996"/>
                </a:lnTo>
                <a:lnTo>
                  <a:pt x="1479615" y="4767044"/>
                </a:lnTo>
                <a:lnTo>
                  <a:pt x="1467195" y="4798403"/>
                </a:lnTo>
                <a:lnTo>
                  <a:pt x="1456155" y="4767282"/>
                </a:lnTo>
                <a:lnTo>
                  <a:pt x="1456060" y="4766996"/>
                </a:lnTo>
                <a:close/>
                <a:moveTo>
                  <a:pt x="1158313" y="4766996"/>
                </a:moveTo>
                <a:lnTo>
                  <a:pt x="1158313" y="4789885"/>
                </a:lnTo>
                <a:cubicBezTo>
                  <a:pt x="1158313" y="4801163"/>
                  <a:pt x="1167260" y="4802829"/>
                  <a:pt x="1172589" y="4802829"/>
                </a:cubicBezTo>
                <a:cubicBezTo>
                  <a:pt x="1176824" y="4802829"/>
                  <a:pt x="1186675" y="4801449"/>
                  <a:pt x="1186675" y="4788553"/>
                </a:cubicBezTo>
                <a:lnTo>
                  <a:pt x="1186675" y="4766996"/>
                </a:lnTo>
                <a:lnTo>
                  <a:pt x="1182011" y="4766996"/>
                </a:lnTo>
                <a:lnTo>
                  <a:pt x="1182011" y="4788410"/>
                </a:lnTo>
                <a:lnTo>
                  <a:pt x="1182059" y="4788458"/>
                </a:lnTo>
                <a:cubicBezTo>
                  <a:pt x="1182059" y="4795215"/>
                  <a:pt x="1178918" y="4798641"/>
                  <a:pt x="1172637" y="4798641"/>
                </a:cubicBezTo>
                <a:cubicBezTo>
                  <a:pt x="1166355" y="4798641"/>
                  <a:pt x="1163262" y="4795596"/>
                  <a:pt x="1163262" y="4789552"/>
                </a:cubicBezTo>
                <a:lnTo>
                  <a:pt x="1163262" y="4766996"/>
                </a:lnTo>
                <a:close/>
                <a:moveTo>
                  <a:pt x="1340711" y="4766616"/>
                </a:moveTo>
                <a:cubicBezTo>
                  <a:pt x="1334287" y="4766616"/>
                  <a:pt x="1330147" y="4770042"/>
                  <a:pt x="1330147" y="4775324"/>
                </a:cubicBezTo>
                <a:cubicBezTo>
                  <a:pt x="1330147" y="4781605"/>
                  <a:pt x="1335191" y="4783937"/>
                  <a:pt x="1339664" y="4785983"/>
                </a:cubicBezTo>
                <a:cubicBezTo>
                  <a:pt x="1343614" y="4787839"/>
                  <a:pt x="1347040" y="4789409"/>
                  <a:pt x="1347040" y="4793216"/>
                </a:cubicBezTo>
                <a:cubicBezTo>
                  <a:pt x="1347040" y="4798213"/>
                  <a:pt x="1340997" y="4798594"/>
                  <a:pt x="1339141" y="4798594"/>
                </a:cubicBezTo>
                <a:cubicBezTo>
                  <a:pt x="1335810" y="4798594"/>
                  <a:pt x="1333573" y="4797880"/>
                  <a:pt x="1331146" y="4796833"/>
                </a:cubicBezTo>
                <a:lnTo>
                  <a:pt x="1330766" y="4796690"/>
                </a:lnTo>
                <a:lnTo>
                  <a:pt x="1329100" y="4800592"/>
                </a:lnTo>
                <a:lnTo>
                  <a:pt x="1329433" y="4800735"/>
                </a:lnTo>
                <a:cubicBezTo>
                  <a:pt x="1331432" y="4801782"/>
                  <a:pt x="1334192" y="4802876"/>
                  <a:pt x="1339236" y="4802876"/>
                </a:cubicBezTo>
                <a:cubicBezTo>
                  <a:pt x="1346945" y="4802876"/>
                  <a:pt x="1351751" y="4799069"/>
                  <a:pt x="1351751" y="4792931"/>
                </a:cubicBezTo>
                <a:cubicBezTo>
                  <a:pt x="1351751" y="4786792"/>
                  <a:pt x="1346517" y="4784127"/>
                  <a:pt x="1341901" y="4781891"/>
                </a:cubicBezTo>
                <a:lnTo>
                  <a:pt x="1341806" y="4781891"/>
                </a:lnTo>
                <a:cubicBezTo>
                  <a:pt x="1337951" y="4780035"/>
                  <a:pt x="1334668" y="4778417"/>
                  <a:pt x="1334668" y="4775181"/>
                </a:cubicBezTo>
                <a:cubicBezTo>
                  <a:pt x="1334668" y="4771279"/>
                  <a:pt x="1338475" y="4770708"/>
                  <a:pt x="1340759" y="4770708"/>
                </a:cubicBezTo>
                <a:cubicBezTo>
                  <a:pt x="1343899" y="4770708"/>
                  <a:pt x="1345803" y="4771279"/>
                  <a:pt x="1347801" y="4771993"/>
                </a:cubicBezTo>
                <a:lnTo>
                  <a:pt x="1348182" y="4772136"/>
                </a:lnTo>
                <a:lnTo>
                  <a:pt x="1349562" y="4768471"/>
                </a:lnTo>
                <a:lnTo>
                  <a:pt x="1349229" y="4768329"/>
                </a:lnTo>
                <a:cubicBezTo>
                  <a:pt x="1347183" y="4767425"/>
                  <a:pt x="1344756" y="4766616"/>
                  <a:pt x="1340711" y="4766616"/>
                </a:cubicBezTo>
                <a:close/>
                <a:moveTo>
                  <a:pt x="1282085" y="4766616"/>
                </a:moveTo>
                <a:cubicBezTo>
                  <a:pt x="1275661" y="4766616"/>
                  <a:pt x="1271521" y="4770042"/>
                  <a:pt x="1271521" y="4775324"/>
                </a:cubicBezTo>
                <a:cubicBezTo>
                  <a:pt x="1271521" y="4781605"/>
                  <a:pt x="1276565" y="4783937"/>
                  <a:pt x="1281038" y="4785983"/>
                </a:cubicBezTo>
                <a:cubicBezTo>
                  <a:pt x="1284988" y="4787839"/>
                  <a:pt x="1288414" y="4789409"/>
                  <a:pt x="1288414" y="4793216"/>
                </a:cubicBezTo>
                <a:cubicBezTo>
                  <a:pt x="1288414" y="4798213"/>
                  <a:pt x="1282371" y="4798594"/>
                  <a:pt x="1280515" y="4798594"/>
                </a:cubicBezTo>
                <a:cubicBezTo>
                  <a:pt x="1277231" y="4798594"/>
                  <a:pt x="1274947" y="4797880"/>
                  <a:pt x="1272520" y="4796833"/>
                </a:cubicBezTo>
                <a:lnTo>
                  <a:pt x="1272140" y="4796690"/>
                </a:lnTo>
                <a:lnTo>
                  <a:pt x="1270474" y="4800592"/>
                </a:lnTo>
                <a:lnTo>
                  <a:pt x="1270807" y="4800735"/>
                </a:lnTo>
                <a:cubicBezTo>
                  <a:pt x="1272806" y="4801782"/>
                  <a:pt x="1275566" y="4802876"/>
                  <a:pt x="1280610" y="4802876"/>
                </a:cubicBezTo>
                <a:cubicBezTo>
                  <a:pt x="1288319" y="4802876"/>
                  <a:pt x="1293125" y="4799069"/>
                  <a:pt x="1293125" y="4792931"/>
                </a:cubicBezTo>
                <a:cubicBezTo>
                  <a:pt x="1293125" y="4786792"/>
                  <a:pt x="1287891" y="4784127"/>
                  <a:pt x="1283275" y="4781891"/>
                </a:cubicBezTo>
                <a:lnTo>
                  <a:pt x="1283179" y="4781891"/>
                </a:lnTo>
                <a:cubicBezTo>
                  <a:pt x="1279325" y="4780035"/>
                  <a:pt x="1276042" y="4778417"/>
                  <a:pt x="1276042" y="4775181"/>
                </a:cubicBezTo>
                <a:cubicBezTo>
                  <a:pt x="1276042" y="4771279"/>
                  <a:pt x="1279848" y="4770708"/>
                  <a:pt x="1282133" y="4770708"/>
                </a:cubicBezTo>
                <a:cubicBezTo>
                  <a:pt x="1285273" y="4770708"/>
                  <a:pt x="1287177" y="4771279"/>
                  <a:pt x="1289175" y="4771993"/>
                </a:cubicBezTo>
                <a:lnTo>
                  <a:pt x="1289556" y="4772136"/>
                </a:lnTo>
                <a:lnTo>
                  <a:pt x="1290936" y="4768471"/>
                </a:lnTo>
                <a:lnTo>
                  <a:pt x="1290603" y="4768329"/>
                </a:lnTo>
                <a:cubicBezTo>
                  <a:pt x="1288557" y="4767425"/>
                  <a:pt x="1286082" y="4766616"/>
                  <a:pt x="1282085" y="4766616"/>
                </a:cubicBezTo>
                <a:close/>
                <a:moveTo>
                  <a:pt x="1247680" y="4766568"/>
                </a:moveTo>
                <a:cubicBezTo>
                  <a:pt x="1236831" y="4766568"/>
                  <a:pt x="1229502" y="4773516"/>
                  <a:pt x="1229502" y="4784603"/>
                </a:cubicBezTo>
                <a:cubicBezTo>
                  <a:pt x="1229502" y="4795691"/>
                  <a:pt x="1235831" y="4802876"/>
                  <a:pt x="1246776" y="4802876"/>
                </a:cubicBezTo>
                <a:cubicBezTo>
                  <a:pt x="1257721" y="4802876"/>
                  <a:pt x="1264811" y="4795738"/>
                  <a:pt x="1264811" y="4784698"/>
                </a:cubicBezTo>
                <a:cubicBezTo>
                  <a:pt x="1264811" y="4773516"/>
                  <a:pt x="1258530" y="4766568"/>
                  <a:pt x="1247680" y="4766568"/>
                </a:cubicBezTo>
                <a:close/>
                <a:moveTo>
                  <a:pt x="507049" y="4475388"/>
                </a:moveTo>
                <a:lnTo>
                  <a:pt x="507049" y="4731782"/>
                </a:lnTo>
                <a:lnTo>
                  <a:pt x="1532673" y="4731782"/>
                </a:lnTo>
                <a:lnTo>
                  <a:pt x="1532673" y="4475388"/>
                </a:ln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0" y="49923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A57ACD69-77E0-4B27-BE9A-0E1A45A60CED}" type="slidenum">
              <a:rPr lang="en-US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67CDBB1-23E6-E1D2-68A9-BF87B547C2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6C8B0A42-0931-8049-5EBA-A717B69D39D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894258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Roo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99671FAB-65E6-606E-8018-4C0A1300A34D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rgbClr val="E85E5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3057464-881F-F2AC-F644-69FCD8F89F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2940"/>
          <a:stretch>
            <a:fillRect/>
          </a:stretch>
        </p:blipFill>
        <p:spPr>
          <a:xfrm>
            <a:off x="7143" y="252000"/>
            <a:ext cx="7287816" cy="4992300"/>
          </a:xfrm>
          <a:custGeom>
            <a:avLst/>
            <a:gdLst>
              <a:gd name="connsiteX0" fmla="*/ 0 w 7287816"/>
              <a:gd name="connsiteY0" fmla="*/ 0 h 4992300"/>
              <a:gd name="connsiteX1" fmla="*/ 7287816 w 7287816"/>
              <a:gd name="connsiteY1" fmla="*/ 0 h 4992300"/>
              <a:gd name="connsiteX2" fmla="*/ 7287816 w 7287816"/>
              <a:gd name="connsiteY2" fmla="*/ 4992300 h 4992300"/>
              <a:gd name="connsiteX3" fmla="*/ 0 w 7287816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87816" h="4992300">
                <a:moveTo>
                  <a:pt x="0" y="0"/>
                </a:moveTo>
                <a:lnTo>
                  <a:pt x="7287816" y="0"/>
                </a:lnTo>
                <a:lnTo>
                  <a:pt x="7287816" y="4992300"/>
                </a:lnTo>
                <a:lnTo>
                  <a:pt x="0" y="4992300"/>
                </a:lnTo>
                <a:close/>
              </a:path>
            </a:pathLst>
          </a:custGeom>
        </p:spPr>
      </p:pic>
      <p:sp>
        <p:nvSpPr>
          <p:cNvPr id="2" name="Date" descr="{&quot;templafy&quot;:{&quot;id&quot;:&quot;2968e501-96d4-4c81-b41e-5c5b40ba3a1c&quot;}}">
            <a:extLst>
              <a:ext uri="{FF2B5EF4-FFF2-40B4-BE49-F238E27FC236}">
                <a16:creationId xmlns:a16="http://schemas.microsoft.com/office/drawing/2014/main" id="{7117D016-A9C1-0D64-7742-87E04443954D}"/>
              </a:ext>
            </a:extLst>
          </p:cNvPr>
          <p:cNvSpPr/>
          <p:nvPr userDrawn="1"/>
        </p:nvSpPr>
        <p:spPr>
          <a:xfrm>
            <a:off x="510148" y="1958690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 dirty="0"/>
          </a:p>
        </p:txBody>
      </p:sp>
      <p:sp>
        <p:nvSpPr>
          <p:cNvPr id="6" name="Name" descr="{&quot;templafy&quot;:{&quot;id&quot;:&quot;8deedf31-1a4e-4b97-b8b1-5475ea44e605&quot;}}">
            <a:extLst>
              <a:ext uri="{FF2B5EF4-FFF2-40B4-BE49-F238E27FC236}">
                <a16:creationId xmlns:a16="http://schemas.microsoft.com/office/drawing/2014/main" id="{AAB0EDA1-4786-D955-7C08-6004CACDF60D}"/>
              </a:ext>
            </a:extLst>
          </p:cNvPr>
          <p:cNvSpPr/>
          <p:nvPr userDrawn="1"/>
        </p:nvSpPr>
        <p:spPr>
          <a:xfrm>
            <a:off x="5016501" y="4323734"/>
            <a:ext cx="36040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en-GB" sz="1050" dirty="0"/>
              <a:t>Nijhuis, M. (Michiel) (EBO_DSH)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2F6A2E02-FE9F-8F1C-E68C-AD2498C7038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0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 dirty="0"/>
              <a:t>Click to edit Master text styles</a:t>
            </a:r>
          </a:p>
        </p:txBody>
      </p:sp>
      <p:sp>
        <p:nvSpPr>
          <p:cNvPr id="8" name="Text Placeholder 10">
            <a:extLst>
              <a:ext uri="{FF2B5EF4-FFF2-40B4-BE49-F238E27FC236}">
                <a16:creationId xmlns:a16="http://schemas.microsoft.com/office/drawing/2014/main" id="{51935EC3-995D-0FFA-88BA-DD3C556D994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0148" y="3467204"/>
            <a:ext cx="5447738" cy="39676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>
            <a:lvl1pPr>
              <a:defRPr lang="en-US" sz="2100" kern="1200" smtClean="0">
                <a:solidFill>
                  <a:schemeClr val="lt1"/>
                </a:solidFill>
              </a:defRPr>
            </a:lvl1pPr>
            <a:lvl2pPr>
              <a:defRPr lang="en-US" sz="1800" smtClean="0">
                <a:solidFill>
                  <a:schemeClr val="lt1"/>
                </a:solidFill>
              </a:defRPr>
            </a:lvl2pPr>
            <a:lvl3pPr>
              <a:defRPr lang="en-US" sz="1800" smtClean="0">
                <a:solidFill>
                  <a:schemeClr val="lt1"/>
                </a:solidFill>
              </a:defRPr>
            </a:lvl3pPr>
            <a:lvl4pPr>
              <a:defRPr lang="en-US" sz="1800" smtClean="0">
                <a:solidFill>
                  <a:schemeClr val="lt1"/>
                </a:solidFill>
              </a:defRPr>
            </a:lvl4pPr>
            <a:lvl5pPr>
              <a:defRPr lang="nl-NL" sz="1800">
                <a:solidFill>
                  <a:schemeClr val="lt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A11D493-990D-DF6A-4681-8C646C86BE7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33EAC426-670A-634D-6A4C-37A3EE6252F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59089" y="3936727"/>
            <a:ext cx="2049293" cy="6958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713585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Groe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4608D4FD-3524-A95A-2881-7EB032A9ACD4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custGeom>
            <a:avLst/>
            <a:gdLst>
              <a:gd name="connsiteX0" fmla="*/ 0 w 9144000"/>
              <a:gd name="connsiteY0" fmla="*/ 0 h 4992300"/>
              <a:gd name="connsiteX1" fmla="*/ 9144000 w 9144000"/>
              <a:gd name="connsiteY1" fmla="*/ 0 h 4992300"/>
              <a:gd name="connsiteX2" fmla="*/ 9144000 w 9144000"/>
              <a:gd name="connsiteY2" fmla="*/ 4992300 h 4992300"/>
              <a:gd name="connsiteX3" fmla="*/ 0 w 9144000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0" h="4992300"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0" y="4992300"/>
                </a:ln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l-NL"/>
          </a:p>
        </p:txBody>
      </p:sp>
      <p:pic>
        <p:nvPicPr>
          <p:cNvPr id="3" name="Green">
            <a:extLst>
              <a:ext uri="{FF2B5EF4-FFF2-40B4-BE49-F238E27FC236}">
                <a16:creationId xmlns:a16="http://schemas.microsoft.com/office/drawing/2014/main" id="{6E25C3DD-D417-C9BA-4E18-CFCAC91E690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252000"/>
            <a:ext cx="8153842" cy="4942800"/>
          </a:xfrm>
          <a:prstGeom prst="rect">
            <a:avLst/>
          </a:prstGeom>
        </p:spPr>
      </p:pic>
      <p:sp>
        <p:nvSpPr>
          <p:cNvPr id="2" name="Date" descr="{&quot;templafy&quot;:{&quot;id&quot;:&quot;67640644-1ae8-4d41-b321-8d1986cdab91&quot;}}">
            <a:extLst>
              <a:ext uri="{FF2B5EF4-FFF2-40B4-BE49-F238E27FC236}">
                <a16:creationId xmlns:a16="http://schemas.microsoft.com/office/drawing/2014/main" id="{026F991B-FA14-5DAA-0AA7-CAD46A865395}"/>
              </a:ext>
            </a:extLst>
          </p:cNvPr>
          <p:cNvSpPr/>
          <p:nvPr userDrawn="1"/>
        </p:nvSpPr>
        <p:spPr>
          <a:xfrm>
            <a:off x="510148" y="1958690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67FA8EFE-4C47-FCE3-B6AC-5447FCFDCFB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0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 dirty="0"/>
              <a:t>Click to edit Master text styles</a:t>
            </a:r>
          </a:p>
        </p:txBody>
      </p:sp>
      <p:sp>
        <p:nvSpPr>
          <p:cNvPr id="8" name="Text Placeholder 10">
            <a:extLst>
              <a:ext uri="{FF2B5EF4-FFF2-40B4-BE49-F238E27FC236}">
                <a16:creationId xmlns:a16="http://schemas.microsoft.com/office/drawing/2014/main" id="{7F122860-6A8E-7F6C-9873-2F5C94593E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0148" y="3467204"/>
            <a:ext cx="5447738" cy="39676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>
            <a:lvl1pPr>
              <a:defRPr lang="en-US" sz="2100" kern="1200" smtClean="0">
                <a:solidFill>
                  <a:schemeClr val="lt1"/>
                </a:solidFill>
              </a:defRPr>
            </a:lvl1pPr>
            <a:lvl2pPr>
              <a:defRPr lang="en-US" sz="1800" smtClean="0">
                <a:solidFill>
                  <a:schemeClr val="lt1"/>
                </a:solidFill>
              </a:defRPr>
            </a:lvl2pPr>
            <a:lvl3pPr>
              <a:defRPr lang="en-US" sz="1800" smtClean="0">
                <a:solidFill>
                  <a:schemeClr val="lt1"/>
                </a:solidFill>
              </a:defRPr>
            </a:lvl3pPr>
            <a:lvl4pPr>
              <a:defRPr lang="en-US" sz="1800" smtClean="0">
                <a:solidFill>
                  <a:schemeClr val="lt1"/>
                </a:solidFill>
              </a:defRPr>
            </a:lvl4pPr>
            <a:lvl5pPr>
              <a:defRPr lang="nl-NL" sz="1800">
                <a:solidFill>
                  <a:schemeClr val="lt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Name" descr="{&quot;templafy&quot;:{&quot;id&quot;:&quot;97c5058d-7f7a-44e7-9c27-5c8ca211bbf4&quot;}}">
            <a:extLst>
              <a:ext uri="{FF2B5EF4-FFF2-40B4-BE49-F238E27FC236}">
                <a16:creationId xmlns:a16="http://schemas.microsoft.com/office/drawing/2014/main" id="{15110289-8183-480C-568E-24667C007AD1}"/>
              </a:ext>
            </a:extLst>
          </p:cNvPr>
          <p:cNvSpPr/>
          <p:nvPr userDrawn="1"/>
        </p:nvSpPr>
        <p:spPr>
          <a:xfrm>
            <a:off x="5016501" y="4323734"/>
            <a:ext cx="36040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en-GB" sz="1050" dirty="0"/>
              <a:t>Nijhuis, M. (Michiel) (EBO_DSH)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C52DA36-D591-DF07-B265-D154D16822E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C3DAC598-0407-575D-11DC-56AFE4F364C3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59089" y="3936727"/>
            <a:ext cx="2049293" cy="6958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731962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Afbeelding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lue">
            <a:extLst>
              <a:ext uri="{FF2B5EF4-FFF2-40B4-BE49-F238E27FC236}">
                <a16:creationId xmlns:a16="http://schemas.microsoft.com/office/drawing/2014/main" id="{E556118B-C8DF-73D4-809C-841F54BD675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-7144" y="2476785"/>
            <a:ext cx="7954804" cy="2666715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11943111-28A3-732F-8E0A-651AB9F68370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252000"/>
            <a:ext cx="9144000" cy="4992300"/>
          </a:xfrm>
          <a:custGeom>
            <a:avLst/>
            <a:gdLst>
              <a:gd name="connsiteX0" fmla="*/ 0 w 9144000"/>
              <a:gd name="connsiteY0" fmla="*/ 0 h 4992300"/>
              <a:gd name="connsiteX1" fmla="*/ 9144000 w 9144000"/>
              <a:gd name="connsiteY1" fmla="*/ 0 h 4992300"/>
              <a:gd name="connsiteX2" fmla="*/ 9144000 w 9144000"/>
              <a:gd name="connsiteY2" fmla="*/ 4992300 h 4992300"/>
              <a:gd name="connsiteX3" fmla="*/ 7935389 w 9144000"/>
              <a:gd name="connsiteY3" fmla="*/ 4992300 h 4992300"/>
              <a:gd name="connsiteX4" fmla="*/ 7732783 w 9144000"/>
              <a:gd name="connsiteY4" fmla="*/ 4758404 h 4992300"/>
              <a:gd name="connsiteX5" fmla="*/ 2269973 w 9144000"/>
              <a:gd name="connsiteY5" fmla="*/ 2340549 h 4992300"/>
              <a:gd name="connsiteX6" fmla="*/ 75387 w 9144000"/>
              <a:gd name="connsiteY6" fmla="*/ 2672339 h 4992300"/>
              <a:gd name="connsiteX7" fmla="*/ 0 w 9144000"/>
              <a:gd name="connsiteY7" fmla="*/ 2697847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9144000" h="4992300"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7935389" y="4992300"/>
                </a:lnTo>
                <a:lnTo>
                  <a:pt x="7732783" y="4758404"/>
                </a:lnTo>
                <a:cubicBezTo>
                  <a:pt x="6382775" y="3273065"/>
                  <a:pt x="4435274" y="2340549"/>
                  <a:pt x="2269973" y="2340549"/>
                </a:cubicBezTo>
                <a:cubicBezTo>
                  <a:pt x="1505749" y="2340549"/>
                  <a:pt x="768656" y="2456710"/>
                  <a:pt x="75387" y="2672339"/>
                </a:cubicBezTo>
                <a:lnTo>
                  <a:pt x="0" y="2697847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>
            <a:no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2" name="Date" descr="{&quot;templafy&quot;:{&quot;id&quot;:&quot;16d11457-1054-4263-aa6d-4f5c70275563&quot;}}">
            <a:extLst>
              <a:ext uri="{FF2B5EF4-FFF2-40B4-BE49-F238E27FC236}">
                <a16:creationId xmlns:a16="http://schemas.microsoft.com/office/drawing/2014/main" id="{FA64D90C-FBCE-C255-7637-2D003C5018B5}"/>
              </a:ext>
            </a:extLst>
          </p:cNvPr>
          <p:cNvSpPr/>
          <p:nvPr userDrawn="1"/>
        </p:nvSpPr>
        <p:spPr>
          <a:xfrm>
            <a:off x="511200" y="2856963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 dirty="0"/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825ADDEB-A532-B0A1-C6BA-FBC7A98FEB9F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10147" y="3093668"/>
            <a:ext cx="4768147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7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GB" b="0" i="0" dirty="0" err="1">
                <a:solidFill>
                  <a:srgbClr val="FFFFFF"/>
                </a:solidFill>
                <a:effectLst/>
                <a:latin typeface="-apple-system"/>
              </a:rPr>
              <a:t>Titel</a:t>
            </a:r>
            <a:r>
              <a:rPr lang="en-GB" b="0" i="0" dirty="0">
                <a:solidFill>
                  <a:srgbClr val="FFFFFF"/>
                </a:solidFill>
                <a:effectLst/>
                <a:latin typeface="-apple-system"/>
              </a:rPr>
              <a:t> over </a:t>
            </a:r>
            <a:r>
              <a:rPr lang="en-GB" b="0" i="0" dirty="0" err="1">
                <a:solidFill>
                  <a:srgbClr val="FFFFFF"/>
                </a:solidFill>
                <a:effectLst/>
                <a:latin typeface="-apple-system"/>
              </a:rPr>
              <a:t>één</a:t>
            </a:r>
            <a:r>
              <a:rPr lang="en-GB" b="0" i="0" dirty="0">
                <a:solidFill>
                  <a:srgbClr val="FFFFFF"/>
                </a:solidFill>
                <a:effectLst/>
                <a:latin typeface="-apple-system"/>
              </a:rPr>
              <a:t> regel</a:t>
            </a:r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287A57A-E449-8F3B-0E2D-4DD5858DBD11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E560F8BC-52D0-6DE7-5FBE-3B42C4B3A27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59089" y="3936727"/>
            <a:ext cx="2049293" cy="6958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38366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Afbeelding) 2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A5F1B40-8C97-EC46-7D5D-9EEBA1D1E11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252000"/>
            <a:ext cx="9144000" cy="4992300"/>
          </a:xfrm>
          <a:custGeom>
            <a:avLst/>
            <a:gdLst>
              <a:gd name="connsiteX0" fmla="*/ 0 w 9144000"/>
              <a:gd name="connsiteY0" fmla="*/ 0 h 4992300"/>
              <a:gd name="connsiteX1" fmla="*/ 9144000 w 9144000"/>
              <a:gd name="connsiteY1" fmla="*/ 0 h 4992300"/>
              <a:gd name="connsiteX2" fmla="*/ 9144000 w 9144000"/>
              <a:gd name="connsiteY2" fmla="*/ 4992300 h 4992300"/>
              <a:gd name="connsiteX3" fmla="*/ 4398438 w 9144000"/>
              <a:gd name="connsiteY3" fmla="*/ 4992300 h 4992300"/>
              <a:gd name="connsiteX4" fmla="*/ 4859975 w 9144000"/>
              <a:gd name="connsiteY4" fmla="*/ 2653786 h 4992300"/>
              <a:gd name="connsiteX5" fmla="*/ 0 w 9144000"/>
              <a:gd name="connsiteY5" fmla="*/ 1694939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144000" h="4992300"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4398438" y="4992300"/>
                </a:lnTo>
                <a:lnTo>
                  <a:pt x="4859975" y="2653786"/>
                </a:lnTo>
                <a:lnTo>
                  <a:pt x="0" y="1694939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t">
            <a:no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6" name="Blue">
            <a:extLst>
              <a:ext uri="{FF2B5EF4-FFF2-40B4-BE49-F238E27FC236}">
                <a16:creationId xmlns:a16="http://schemas.microsoft.com/office/drawing/2014/main" id="{8D26B84C-B6C5-1FEB-5E2E-009D0F9AABC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1836420"/>
            <a:ext cx="4862029" cy="3306180"/>
          </a:xfrm>
          <a:prstGeom prst="rect">
            <a:avLst/>
          </a:prstGeom>
        </p:spPr>
      </p:pic>
      <p:sp>
        <p:nvSpPr>
          <p:cNvPr id="3" name="Date" descr="{&quot;templafy&quot;:{&quot;id&quot;:&quot;6b8b3b99-867c-4f11-aeed-e99588ad6f46&quot;}}">
            <a:extLst>
              <a:ext uri="{FF2B5EF4-FFF2-40B4-BE49-F238E27FC236}">
                <a16:creationId xmlns:a16="http://schemas.microsoft.com/office/drawing/2014/main" id="{ED6CB6AF-71CB-7105-893B-F5B32ABCC0D7}"/>
              </a:ext>
            </a:extLst>
          </p:cNvPr>
          <p:cNvSpPr/>
          <p:nvPr userDrawn="1"/>
        </p:nvSpPr>
        <p:spPr>
          <a:xfrm>
            <a:off x="510148" y="2406962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A92EBDA3-E0CB-39B2-67F5-12953AC42FF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747340"/>
            <a:ext cx="4233302" cy="111495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7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 dirty="0"/>
              <a:t>Click to edit Master text styles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0B77FF3-A5D7-9506-4DB8-D55048A22D4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189B9362-0F70-DBAC-C8DB-93AA0D7ED3E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59089" y="3936727"/>
            <a:ext cx="2049293" cy="6958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5662369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BF8276-74E6-4CFA-19A0-9C3A256948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#›</a:t>
            </a:fld>
            <a:endParaRPr lang="en-GB" dirty="0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1ED8DEC5-E7F6-1780-5518-775B4FF67C68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511200" y="1120140"/>
            <a:ext cx="8126878" cy="325892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081296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tekst en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BF8276-74E6-4CFA-19A0-9C3A256948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#›</a:t>
            </a:fld>
            <a:endParaRPr lang="en-GB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67A72BE-B12E-381F-1863-C7FF9C70F74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7" y="1120140"/>
            <a:ext cx="3797364" cy="325892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6DED9DE-B63F-6397-27CB-0718C5F6A7D2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835291" y="1120140"/>
            <a:ext cx="3804979" cy="3258928"/>
          </a:xfrm>
        </p:spPr>
        <p:txBody>
          <a:bodyPr/>
          <a:lstStyle/>
          <a:p>
            <a:r>
              <a:rPr lang="en-GB" dirty="0" err="1"/>
              <a:t>Klikken</a:t>
            </a:r>
            <a:r>
              <a:rPr lang="en-GB" dirty="0"/>
              <a:t> om </a:t>
            </a:r>
            <a:r>
              <a:rPr lang="en-GB" dirty="0" err="1"/>
              <a:t>tekst</a:t>
            </a:r>
            <a:r>
              <a:rPr lang="en-GB" dirty="0"/>
              <a:t> of </a:t>
            </a:r>
            <a:r>
              <a:rPr lang="en-GB" dirty="0" err="1"/>
              <a:t>afbeelding</a:t>
            </a:r>
            <a:r>
              <a:rPr lang="en-GB" dirty="0"/>
              <a:t> toe </a:t>
            </a:r>
            <a:r>
              <a:rPr lang="en-GB" dirty="0" err="1"/>
              <a:t>te</a:t>
            </a:r>
            <a:r>
              <a:rPr lang="en-GB" dirty="0"/>
              <a:t> </a:t>
            </a:r>
            <a:r>
              <a:rPr lang="en-GB" dirty="0" err="1"/>
              <a:t>voegen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782412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twee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6BF8276-74E6-4CFA-19A0-9C3A256948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8A1F67DD-BD03-DFF8-A760-ADDAD75D6A3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511200" y="1120140"/>
            <a:ext cx="3797510" cy="325892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8942AED-FAE1-1E30-F892-CB3247362C8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35292" y="1120140"/>
            <a:ext cx="3804979" cy="3258928"/>
          </a:xfrm>
        </p:spPr>
        <p:txBody>
          <a:bodyPr/>
          <a:lstStyle/>
          <a:p>
            <a:r>
              <a:rPr lang="en-GB" dirty="0" err="1"/>
              <a:t>Klikken</a:t>
            </a:r>
            <a:r>
              <a:rPr lang="en-GB" dirty="0"/>
              <a:t> om </a:t>
            </a:r>
            <a:r>
              <a:rPr lang="en-GB" dirty="0" err="1"/>
              <a:t>tekst</a:t>
            </a:r>
            <a:r>
              <a:rPr lang="en-GB" dirty="0"/>
              <a:t> of </a:t>
            </a:r>
            <a:r>
              <a:rPr lang="en-GB" dirty="0" err="1"/>
              <a:t>afbeelding</a:t>
            </a:r>
            <a:r>
              <a:rPr lang="en-GB" dirty="0"/>
              <a:t> toe </a:t>
            </a:r>
            <a:r>
              <a:rPr lang="en-GB" dirty="0" err="1"/>
              <a:t>te</a:t>
            </a:r>
            <a:r>
              <a:rPr lang="en-GB" dirty="0"/>
              <a:t> </a:t>
            </a:r>
            <a:r>
              <a:rPr lang="en-GB" dirty="0" err="1"/>
              <a:t>voegen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03747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leurverloop link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B00A1EB-6381-E341-B4CF-FEDC7E23D7BF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#›</a:t>
            </a:fld>
            <a:endParaRPr lang="en-GB" dirty="0"/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01B50ED7-BC71-BBC1-D94D-318F228236BD}"/>
              </a:ext>
            </a:extLst>
          </p:cNvPr>
          <p:cNvSpPr/>
          <p:nvPr userDrawn="1"/>
        </p:nvSpPr>
        <p:spPr>
          <a:xfrm>
            <a:off x="0" y="252000"/>
            <a:ext cx="3060000" cy="4992300"/>
          </a:xfrm>
          <a:custGeom>
            <a:avLst/>
            <a:gdLst>
              <a:gd name="connsiteX0" fmla="*/ 0 w 3060000"/>
              <a:gd name="connsiteY0" fmla="*/ 0 h 4992300"/>
              <a:gd name="connsiteX1" fmla="*/ 3060000 w 3060000"/>
              <a:gd name="connsiteY1" fmla="*/ 0 h 4992300"/>
              <a:gd name="connsiteX2" fmla="*/ 3060000 w 3060000"/>
              <a:gd name="connsiteY2" fmla="*/ 4992300 h 4992300"/>
              <a:gd name="connsiteX3" fmla="*/ 0 w 3060000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60000" h="4992300">
                <a:moveTo>
                  <a:pt x="0" y="0"/>
                </a:moveTo>
                <a:lnTo>
                  <a:pt x="3060000" y="0"/>
                </a:lnTo>
                <a:lnTo>
                  <a:pt x="3060000" y="4992300"/>
                </a:lnTo>
                <a:lnTo>
                  <a:pt x="0" y="4992300"/>
                </a:lnTo>
                <a:close/>
              </a:path>
            </a:pathLst>
          </a:custGeom>
          <a:gradFill>
            <a:gsLst>
              <a:gs pos="0">
                <a:schemeClr val="accent1"/>
              </a:gs>
              <a:gs pos="100000">
                <a:schemeClr val="accent2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67A72BE-B12E-381F-1863-C7FF9C70F74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0542" y="1796400"/>
            <a:ext cx="2015258" cy="2584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5">
            <a:extLst>
              <a:ext uri="{FF2B5EF4-FFF2-40B4-BE49-F238E27FC236}">
                <a16:creationId xmlns:a16="http://schemas.microsoft.com/office/drawing/2014/main" id="{9EC374C0-C935-AE39-C577-7C7447F8C1B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594201" y="435548"/>
            <a:ext cx="5046070" cy="3943520"/>
          </a:xfrm>
        </p:spPr>
        <p:txBody>
          <a:bodyPr/>
          <a:lstStyle/>
          <a:p>
            <a:r>
              <a:rPr lang="en-GB" dirty="0" err="1"/>
              <a:t>Klikken</a:t>
            </a:r>
            <a:r>
              <a:rPr lang="en-GB" dirty="0"/>
              <a:t> om </a:t>
            </a:r>
            <a:r>
              <a:rPr lang="en-GB" dirty="0" err="1"/>
              <a:t>tekst</a:t>
            </a:r>
            <a:r>
              <a:rPr lang="en-GB" dirty="0"/>
              <a:t> of </a:t>
            </a:r>
            <a:r>
              <a:rPr lang="en-GB" dirty="0" err="1"/>
              <a:t>afbeelding</a:t>
            </a:r>
            <a:r>
              <a:rPr lang="en-GB" dirty="0"/>
              <a:t> toe </a:t>
            </a:r>
            <a:r>
              <a:rPr lang="en-GB" dirty="0" err="1"/>
              <a:t>te</a:t>
            </a:r>
            <a:r>
              <a:rPr lang="en-GB" dirty="0"/>
              <a:t> </a:t>
            </a:r>
            <a:r>
              <a:rPr lang="en-GB" dirty="0" err="1"/>
              <a:t>voegen</a:t>
            </a:r>
            <a:endParaRPr lang="en-GB" dirty="0"/>
          </a:p>
        </p:txBody>
      </p:sp>
      <p:sp>
        <p:nvSpPr>
          <p:cNvPr id="18" name="Title 17">
            <a:extLst>
              <a:ext uri="{FF2B5EF4-FFF2-40B4-BE49-F238E27FC236}">
                <a16:creationId xmlns:a16="http://schemas.microsoft.com/office/drawing/2014/main" id="{4A16BE21-A2AE-640F-E15C-4C56840EFE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1348" y="435547"/>
            <a:ext cx="2014452" cy="10872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5220F98-0FAC-CDA7-67A0-ECF99281A12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6487" y="4582436"/>
            <a:ext cx="1112400" cy="4138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85245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2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image" Target="../media/image1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reeform: Shape 2">
            <a:extLst>
              <a:ext uri="{FF2B5EF4-FFF2-40B4-BE49-F238E27FC236}">
                <a16:creationId xmlns:a16="http://schemas.microsoft.com/office/drawing/2014/main" id="{12A1B0EF-BB22-B1BB-7834-8BCDBD7DC7BD}"/>
              </a:ext>
            </a:extLst>
          </p:cNvPr>
          <p:cNvSpPr/>
          <p:nvPr userDrawn="1"/>
        </p:nvSpPr>
        <p:spPr>
          <a:xfrm>
            <a:off x="0" y="252000"/>
            <a:ext cx="9144000" cy="748801"/>
          </a:xfrm>
          <a:custGeom>
            <a:avLst/>
            <a:gdLst>
              <a:gd name="connsiteX0" fmla="*/ 0 w 9144000"/>
              <a:gd name="connsiteY0" fmla="*/ 0 h 748801"/>
              <a:gd name="connsiteX1" fmla="*/ 9144000 w 9144000"/>
              <a:gd name="connsiteY1" fmla="*/ 0 h 748801"/>
              <a:gd name="connsiteX2" fmla="*/ 9144000 w 9144000"/>
              <a:gd name="connsiteY2" fmla="*/ 748801 h 748801"/>
              <a:gd name="connsiteX3" fmla="*/ 0 w 9144000"/>
              <a:gd name="connsiteY3" fmla="*/ 748801 h 748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0" h="748801">
                <a:moveTo>
                  <a:pt x="0" y="0"/>
                </a:moveTo>
                <a:lnTo>
                  <a:pt x="9144000" y="0"/>
                </a:lnTo>
                <a:lnTo>
                  <a:pt x="9144000" y="748801"/>
                </a:lnTo>
                <a:lnTo>
                  <a:pt x="0" y="748801"/>
                </a:lnTo>
                <a:close/>
              </a:path>
            </a:pathLst>
          </a:custGeom>
          <a:gradFill flip="none" rotWithShape="1">
            <a:gsLst>
              <a:gs pos="0">
                <a:schemeClr val="accent1"/>
              </a:gs>
              <a:gs pos="100000">
                <a:srgbClr val="3B54F5"/>
              </a:gs>
            </a:gsLst>
            <a:lin ang="3000000" scaled="0"/>
            <a:tileRect/>
          </a:gradFill>
          <a:ln>
            <a:noFill/>
          </a:ln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838CC50-91A2-7356-8C25-4E251BE7D5D0}"/>
              </a:ext>
            </a:extLst>
          </p:cNvPr>
          <p:cNvPicPr>
            <a:picLocks noChangeAspect="1"/>
          </p:cNvPicPr>
          <p:nvPr userDrawn="1"/>
        </p:nvPicPr>
        <p:blipFill>
          <a:blip r:embed="rId14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  <p:sp>
        <p:nvSpPr>
          <p:cNvPr id="11" name="Title Placeholder 1"/>
          <p:cNvSpPr>
            <a:spLocks noGrp="1"/>
          </p:cNvSpPr>
          <p:nvPr>
            <p:ph type="title"/>
          </p:nvPr>
        </p:nvSpPr>
        <p:spPr>
          <a:xfrm>
            <a:off x="511348" y="435549"/>
            <a:ext cx="8126878" cy="364326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/>
          <a:p>
            <a:endParaRPr lang="en-US" dirty="0"/>
          </a:p>
        </p:txBody>
      </p:sp>
      <p:sp>
        <p:nvSpPr>
          <p:cNvPr id="35" name="Slide Number Placeholder 34">
            <a:extLst>
              <a:ext uri="{FF2B5EF4-FFF2-40B4-BE49-F238E27FC236}">
                <a16:creationId xmlns:a16="http://schemas.microsoft.com/office/drawing/2014/main" id="{1103C625-FFD8-290F-D2E8-C1121E56CDB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119110" y="4741067"/>
            <a:ext cx="519115" cy="197644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900">
                <a:solidFill>
                  <a:schemeClr val="tx1"/>
                </a:solidFill>
              </a:defRPr>
            </a:lvl1pPr>
          </a:lstStyle>
          <a:p>
            <a:fld id="{A57ACD69-77E0-4B27-BE9A-0E1A45A60CED}" type="slidenum">
              <a:rPr lang="en-US" smtClean="0"/>
              <a:pPr/>
              <a:t>‹#›</a:t>
            </a:fld>
            <a:endParaRPr lang="en-GB" dirty="0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56927167-F590-44A8-9814-EEA3354733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11347" y="1120140"/>
            <a:ext cx="8126878" cy="3258928"/>
          </a:xfrm>
          <a:prstGeom prst="rect">
            <a:avLst/>
          </a:prstGeom>
        </p:spPr>
        <p:txBody>
          <a:bodyPr vert="horz" wrap="square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3"/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3EE62C2E-5F27-0B83-65EB-6F9B1A597891}"/>
              </a:ext>
            </a:extLst>
          </p:cNvPr>
          <p:cNvPicPr>
            <a:picLocks noChangeAspect="1"/>
          </p:cNvPicPr>
          <p:nvPr userDrawn="1"/>
        </p:nvPicPr>
        <p:blipFill>
          <a:blip r:embed="rId15"/>
          <a:stretch>
            <a:fillRect/>
          </a:stretch>
        </p:blipFill>
        <p:spPr>
          <a:xfrm>
            <a:off x="1577172" y="4590778"/>
            <a:ext cx="1201748" cy="4080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304530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8" r:id="rId1"/>
    <p:sldLayoutId id="2147483670" r:id="rId2"/>
    <p:sldLayoutId id="2147483671" r:id="rId3"/>
    <p:sldLayoutId id="2147483672" r:id="rId4"/>
    <p:sldLayoutId id="2147483673" r:id="rId5"/>
    <p:sldLayoutId id="2147483674" r:id="rId6"/>
    <p:sldLayoutId id="2147483675" r:id="rId7"/>
    <p:sldLayoutId id="2147483676" r:id="rId8"/>
    <p:sldLayoutId id="2147483679" r:id="rId9"/>
    <p:sldLayoutId id="2147483680" r:id="rId10"/>
    <p:sldLayoutId id="2147483682" r:id="rId11"/>
    <p:sldLayoutId id="2147483681" r:id="rId12"/>
  </p:sldLayoutIdLst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250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20000"/>
        </a:lnSpc>
        <a:spcBef>
          <a:spcPts val="0"/>
        </a:spcBef>
        <a:buFont typeface="Arial" panose="020B0604020202020204" pitchFamily="34" charset="0"/>
        <a:buNone/>
        <a:defRPr sz="1350" b="0" kern="0" spc="0" baseline="0">
          <a:solidFill>
            <a:schemeClr val="tx1"/>
          </a:solidFill>
          <a:latin typeface="+mn-lt"/>
          <a:ea typeface="+mn-ea"/>
          <a:cs typeface="+mn-cs"/>
        </a:defRPr>
      </a:lvl1pPr>
      <a:lvl2pPr marL="0" indent="-180000" algn="l" defTabSz="914400" rtl="0" eaLnBrk="1" latinLnBrk="0" hangingPunct="1">
        <a:lnSpc>
          <a:spcPct val="120000"/>
        </a:lnSpc>
        <a:spcBef>
          <a:spcPts val="800"/>
        </a:spcBef>
        <a:spcAft>
          <a:spcPts val="0"/>
        </a:spcAft>
        <a:buSzPct val="80000"/>
        <a:buFont typeface="Wingdings" panose="05000000000000000000" pitchFamily="2" charset="2"/>
        <a:buChar char="§"/>
        <a:defRPr sz="1350" b="0" kern="1200">
          <a:solidFill>
            <a:schemeClr val="tx1"/>
          </a:solidFill>
          <a:latin typeface="+mn-lt"/>
          <a:ea typeface="+mn-ea"/>
          <a:cs typeface="+mn-cs"/>
        </a:defRPr>
      </a:lvl2pPr>
      <a:lvl3pPr marL="558000" indent="-180000" algn="l" defTabSz="914400" rtl="0" eaLnBrk="1" latinLnBrk="0" hangingPunct="1">
        <a:lnSpc>
          <a:spcPct val="120000"/>
        </a:lnSpc>
        <a:spcBef>
          <a:spcPts val="800"/>
        </a:spcBef>
        <a:buSzPct val="80000"/>
        <a:buFont typeface="Wingdings" panose="05000000000000000000" pitchFamily="2" charset="2"/>
        <a:buChar char="§"/>
        <a:defRPr sz="1350" b="0" kern="1200">
          <a:solidFill>
            <a:schemeClr val="tx1"/>
          </a:solidFill>
          <a:latin typeface="+mn-lt"/>
          <a:ea typeface="+mn-ea"/>
          <a:cs typeface="+mn-cs"/>
        </a:defRPr>
      </a:lvl3pPr>
      <a:lvl4pPr marL="756000" indent="-180000" algn="l" defTabSz="914400" rtl="0" eaLnBrk="1" latinLnBrk="0" hangingPunct="1">
        <a:lnSpc>
          <a:spcPct val="120000"/>
        </a:lnSpc>
        <a:spcBef>
          <a:spcPts val="800"/>
        </a:spcBef>
        <a:buSzPct val="80000"/>
        <a:buFont typeface="Verdana" panose="020B0604030504040204" pitchFamily="34" charset="0"/>
        <a:buChar char="-"/>
        <a:defRPr sz="135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20000"/>
        </a:lnSpc>
        <a:spcBef>
          <a:spcPts val="800"/>
        </a:spcBef>
        <a:spcAft>
          <a:spcPts val="0"/>
        </a:spcAft>
        <a:buSzPct val="80000"/>
        <a:buFontTx/>
        <a:buNone/>
        <a:defRPr sz="1350" b="1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620" userDrawn="1">
          <p15:clr>
            <a:srgbClr val="F26B43"/>
          </p15:clr>
        </p15:guide>
        <p15:guide id="2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6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6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gif"/><Relationship Id="rId1" Type="http://schemas.openxmlformats.org/officeDocument/2006/relationships/slideLayout" Target="../slideLayouts/slideLayout6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6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gif"/><Relationship Id="rId1" Type="http://schemas.openxmlformats.org/officeDocument/2006/relationships/slideLayout" Target="../slideLayouts/slideLayout6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6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6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6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6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6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6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g"/><Relationship Id="rId1" Type="http://schemas.openxmlformats.org/officeDocument/2006/relationships/slideLayout" Target="../slideLayouts/slideLayout4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6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6.xml"/><Relationship Id="rId4" Type="http://schemas.openxmlformats.org/officeDocument/2006/relationships/image" Target="../media/image1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A7CC602-B70A-805D-59A2-7E075C0B76E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1024335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nl-NL" dirty="0"/>
              <a:t>Building </a:t>
            </a:r>
            <a:r>
              <a:rPr lang="nl-NL" dirty="0" err="1"/>
              <a:t>Neural</a:t>
            </a:r>
            <a:r>
              <a:rPr lang="nl-NL" dirty="0"/>
              <a:t> Networks </a:t>
            </a:r>
            <a:r>
              <a:rPr lang="nl-NL" dirty="0" err="1"/>
              <a:t>with</a:t>
            </a:r>
            <a:r>
              <a:rPr lang="nl-NL" dirty="0"/>
              <a:t> </a:t>
            </a:r>
            <a:r>
              <a:rPr lang="nl-NL" dirty="0" err="1"/>
              <a:t>PyTorch</a:t>
            </a:r>
            <a:endParaRPr lang="nl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9681513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8E989F-3C43-66A5-FE9A-532A677A84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volution layer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960636A-30E3-17A7-9B42-D100238CDF3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0</a:t>
            </a:fld>
            <a:endParaRPr lang="en-GB" dirty="0"/>
          </a:p>
        </p:txBody>
      </p:sp>
      <p:pic>
        <p:nvPicPr>
          <p:cNvPr id="4098" name="Picture 2" descr="Convolutional Neural Networks: Architectures, Types &amp; Examples">
            <a:extLst>
              <a:ext uri="{FF2B5EF4-FFF2-40B4-BE49-F238E27FC236}">
                <a16:creationId xmlns:a16="http://schemas.microsoft.com/office/drawing/2014/main" id="{BF1B4FA1-D4F7-E6DB-2462-330A66E2933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ackgroundRemoval t="10000" b="90000" l="10000" r="90000">
                        <a14:foregroundMark x1="51129" y1="28983" x2="51774" y2="46949"/>
                        <a14:foregroundMark x1="51774" y1="46949" x2="59194" y2="36610"/>
                        <a14:foregroundMark x1="59194" y1="36610" x2="54355" y2="29661"/>
                        <a14:foregroundMark x1="74758" y1="32373" x2="84839" y2="50508"/>
                        <a14:foregroundMark x1="84839" y1="50508" x2="83145" y2="30678"/>
                        <a14:foregroundMark x1="83145" y1="30678" x2="77419" y2="31017"/>
                        <a14:foregroundMark x1="75887" y1="38983" x2="75887" y2="52373"/>
                        <a14:foregroundMark x1="85887" y1="53390" x2="82419" y2="52712"/>
                        <a14:foregroundMark x1="85645" y1="31017" x2="86371" y2="30508"/>
                        <a14:foregroundMark x1="81613" y1="51186" x2="81613" y2="51186"/>
                        <a14:foregroundMark x1="50806" y1="51864" x2="50806" y2="51864"/>
                        <a14:foregroundMark x1="67903" y1="42542" x2="67903" y2="42542"/>
                        <a14:foregroundMark x1="67339" y1="39661" x2="67339" y2="39661"/>
                        <a14:foregroundMark x1="42661" y1="41017" x2="42661" y2="41017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0140" y="1337921"/>
            <a:ext cx="6644640" cy="316197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3296999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8E989F-3C43-66A5-FE9A-532A677A84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ng short term memory layer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960636A-30E3-17A7-9B42-D100238CDF3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1</a:t>
            </a:fld>
            <a:endParaRPr lang="en-GB" dirty="0"/>
          </a:p>
        </p:txBody>
      </p:sp>
      <p:pic>
        <p:nvPicPr>
          <p:cNvPr id="6146" name="Picture 2" descr="LSTM Networks | A Detailed Explanation | Towards Data Science">
            <a:extLst>
              <a:ext uri="{FF2B5EF4-FFF2-40B4-BE49-F238E27FC236}">
                <a16:creationId xmlns:a16="http://schemas.microsoft.com/office/drawing/2014/main" id="{89C5F6FE-DE69-C452-D3E1-7F1F8025B29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362075" y="1127408"/>
            <a:ext cx="6419850" cy="32861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02066270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06A0C7-1DCC-1A3B-4DDA-6E787F0C03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ttention layer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F258F52-9835-8C3B-819F-E44ABC3F457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2</a:t>
            </a:fld>
            <a:endParaRPr lang="en-GB" dirty="0"/>
          </a:p>
        </p:txBody>
      </p:sp>
      <p:pic>
        <p:nvPicPr>
          <p:cNvPr id="8194" name="Picture 2" descr="Attention in Neural Networks - 1. Introduction to attention mechanism ·  Buomsoo Kim">
            <a:extLst>
              <a:ext uri="{FF2B5EF4-FFF2-40B4-BE49-F238E27FC236}">
                <a16:creationId xmlns:a16="http://schemas.microsoft.com/office/drawing/2014/main" id="{48E26603-D6CC-6485-F6B5-D2844CAF48EC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552" b="25946"/>
          <a:stretch/>
        </p:blipFill>
        <p:spPr bwMode="auto">
          <a:xfrm>
            <a:off x="0" y="1082041"/>
            <a:ext cx="9144000" cy="34975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07858182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2CFF8F-CF35-2522-2E2B-1C23AF26D3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ansformer layer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7FD601F-1A0C-15FC-0483-DAB41C12F69D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3</a:t>
            </a:fld>
            <a:endParaRPr lang="en-GB" dirty="0"/>
          </a:p>
        </p:txBody>
      </p:sp>
      <p:pic>
        <p:nvPicPr>
          <p:cNvPr id="7170" name="Picture 2">
            <a:extLst>
              <a:ext uri="{FF2B5EF4-FFF2-40B4-BE49-F238E27FC236}">
                <a16:creationId xmlns:a16="http://schemas.microsoft.com/office/drawing/2014/main" id="{04329E79-DE84-A4B1-635A-409DC7E3200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046" t="809" r="4485" b="1502"/>
          <a:stretch/>
        </p:blipFill>
        <p:spPr bwMode="auto">
          <a:xfrm>
            <a:off x="1500188" y="1036795"/>
            <a:ext cx="5491162" cy="33218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4696783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0E4AA2-CA64-49CE-BEBF-FD197876D9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processing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747BCA6-463A-6D5D-6B87-B07A4EFEFC8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4</a:t>
            </a:fld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48CD218-91A4-A21E-5E6E-F3DFF7A835D1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>
            <a:normAutofit/>
          </a:bodyPr>
          <a:lstStyle/>
          <a:p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Preprocessing: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Normalisation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,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shaping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,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Encoding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lways normalize (standardize or min-max) the inputs. Mean should be close to 0.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void that some inputs overpower other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nl-NL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peed up </a:t>
            </a:r>
            <a:r>
              <a:rPr lang="nl-NL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onvergence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1143000" lvl="2" indent="-228600">
              <a:spcBef>
                <a:spcPts val="300"/>
              </a:spcBef>
              <a:buSzPts val="1000"/>
              <a:buFont typeface="Wingdings" panose="05000000000000000000" pitchFamily="2" charset="2"/>
              <a:buChar char=""/>
              <a:tabLst>
                <a:tab pos="13716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Gradients of activation functions are (near) 0 for large input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1143000" lvl="2" indent="-228600">
              <a:spcBef>
                <a:spcPts val="300"/>
              </a:spcBef>
              <a:buSzPts val="1000"/>
              <a:buFont typeface="Wingdings" panose="05000000000000000000" pitchFamily="2" charset="2"/>
              <a:buChar char=""/>
              <a:tabLst>
                <a:tab pos="13716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f some gradients become much larger than others, SGD will start zig-zagging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spcBef>
                <a:spcPts val="1200"/>
              </a:spcBef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shape the data to fit the shape of the input layer, e.g. (n, 28*28) or (n, 28,28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ensor with instances in first dimension, rest must match the input layer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spcBef>
                <a:spcPts val="1200"/>
              </a:spcBef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n multi-class classification, every class is an output node, so one-hot-encode the label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e.g. class ‘4’ becomes [0,0,0,0,1,0,0,0,0,0]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09001050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DAE5A9-C49D-0118-57DD-7E574D9F8D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aining neural network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10E9F63-C706-39B1-A2F0-CCABB3AA013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5</a:t>
            </a:fld>
            <a:endParaRPr lang="en-GB" dirty="0"/>
          </a:p>
        </p:txBody>
      </p:sp>
      <p:pic>
        <p:nvPicPr>
          <p:cNvPr id="5" name="Picture 4" descr="ml">
            <a:extLst>
              <a:ext uri="{FF2B5EF4-FFF2-40B4-BE49-F238E27FC236}">
                <a16:creationId xmlns:a16="http://schemas.microsoft.com/office/drawing/2014/main" id="{862A041F-D7B0-7576-6CF4-941849BCF38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25032" y="1058519"/>
            <a:ext cx="4093936" cy="3523220"/>
          </a:xfrm>
          <a:prstGeom prst="rect">
            <a:avLst/>
          </a:prstGeom>
          <a:noFill/>
          <a:ln>
            <a:noFill/>
          </a:ln>
        </p:spPr>
      </p:pic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56AC44F9-8EBE-430E-38A9-57ED706B6142}"/>
              </a:ext>
            </a:extLst>
          </p:cNvPr>
          <p:cNvCxnSpPr>
            <a:cxnSpLocks/>
          </p:cNvCxnSpPr>
          <p:nvPr/>
        </p:nvCxnSpPr>
        <p:spPr>
          <a:xfrm>
            <a:off x="1103811" y="2074619"/>
            <a:ext cx="6381999" cy="0"/>
          </a:xfrm>
          <a:prstGeom prst="line">
            <a:avLst/>
          </a:prstGeom>
          <a:ln w="12700"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F7955768-63D3-1FA0-1957-575704DADC10}"/>
              </a:ext>
            </a:extLst>
          </p:cNvPr>
          <p:cNvSpPr txBox="1"/>
          <p:nvPr/>
        </p:nvSpPr>
        <p:spPr>
          <a:xfrm>
            <a:off x="1064117" y="1753126"/>
            <a:ext cx="1188146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200" dirty="0" err="1"/>
              <a:t>Initialisation</a:t>
            </a:r>
            <a:r>
              <a:rPr lang="en-US" sz="1200" dirty="0"/>
              <a:t> </a:t>
            </a:r>
            <a:endParaRPr lang="nl-NL" sz="1200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49D5BF6-219E-C0C0-AD48-0BD25B90F844}"/>
              </a:ext>
            </a:extLst>
          </p:cNvPr>
          <p:cNvSpPr txBox="1"/>
          <p:nvPr/>
        </p:nvSpPr>
        <p:spPr>
          <a:xfrm>
            <a:off x="1064117" y="2119114"/>
            <a:ext cx="1173655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200" dirty="0"/>
              <a:t>Training loop</a:t>
            </a:r>
            <a:endParaRPr lang="nl-NL" sz="1200" dirty="0"/>
          </a:p>
        </p:txBody>
      </p:sp>
    </p:spTree>
    <p:extLst>
      <p:ext uri="{BB962C8B-B14F-4D97-AF65-F5344CB8AC3E}">
        <p14:creationId xmlns:p14="http://schemas.microsoft.com/office/powerpoint/2010/main" val="24319716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F75AF128-5A87-A7F0-D7BD-5CAB0E86BFB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10788" y="2682846"/>
            <a:ext cx="2561213" cy="501822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07307439-6DE0-2180-CF36-9F54FC2B02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aining algorithm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EB0A264-7861-3A90-156B-19730AB5B60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6</a:t>
            </a:fld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29BA1DC-6396-D64A-2FB6-B74230C4559F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/>
          <a:lstStyle/>
          <a:p>
            <a:r>
              <a:rPr lang="en-US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Mini-batch Stochastic Gradient Descent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spcBef>
                <a:spcPts val="600"/>
              </a:spcBef>
              <a:buFont typeface="+mj-lt"/>
              <a:buAutoNum type="arabicPeriod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Draw a batch from the training data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X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and  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y</a:t>
            </a:r>
            <a:endParaRPr lang="nl-NL" sz="1200" i="1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spcBef>
                <a:spcPts val="600"/>
              </a:spcBef>
              <a:buFont typeface="+mj-lt"/>
              <a:buAutoNum type="arabicPeriod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Forward pass: pass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X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though the network to yield predictions </a:t>
            </a:r>
            <a:r>
              <a:rPr lang="cy-GB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ŷ</a:t>
            </a:r>
            <a:endParaRPr lang="nl-NL" sz="1200" i="1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spcBef>
                <a:spcPts val="600"/>
              </a:spcBef>
              <a:buFont typeface="+mj-lt"/>
              <a:buAutoNum type="arabicPeriod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Compute the loss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L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(mismatch between </a:t>
            </a:r>
            <a:r>
              <a:rPr lang="cy-GB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ŷ</a:t>
            </a:r>
            <a:r>
              <a:rPr lang="cy-GB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and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y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spcBef>
                <a:spcPts val="600"/>
              </a:spcBef>
              <a:buFont typeface="+mj-lt"/>
              <a:buAutoNum type="arabicPeriod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Backward pass: Compute the gradient of the loss with regard to every weight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ackpropagate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 the gradients through all the layer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spcBef>
                <a:spcPts val="600"/>
              </a:spcBef>
              <a:buFont typeface="+mj-lt"/>
              <a:buAutoNum type="arabicPeriod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Update 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peat until 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n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passes (epochs) are made through the entire training set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94633869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9EE58C-1677-62F5-58FA-C1949B697AC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propagation 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D28D2F6-0832-491F-183D-FE95A53BA38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7</a:t>
            </a:fld>
            <a:endParaRPr lang="en-GB" dirty="0"/>
          </a:p>
        </p:txBody>
      </p:sp>
      <p:pic>
        <p:nvPicPr>
          <p:cNvPr id="16386" name="Picture 2">
            <a:extLst>
              <a:ext uri="{FF2B5EF4-FFF2-40B4-BE49-F238E27FC236}">
                <a16:creationId xmlns:a16="http://schemas.microsoft.com/office/drawing/2014/main" id="{C2CF3F63-64DE-6EE0-C5D6-8C90AB89114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14500" y="1221514"/>
            <a:ext cx="5715000" cy="32099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8432294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26F4DC-FB1A-F24A-1160-88BFC31E48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ansfer learning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794AEBF-8F16-3B57-625B-57AE1B01A87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8</a:t>
            </a:fld>
            <a:endParaRPr lang="en-GB" dirty="0"/>
          </a:p>
        </p:txBody>
      </p:sp>
      <p:pic>
        <p:nvPicPr>
          <p:cNvPr id="5" name="Picture 4" descr="ml">
            <a:extLst>
              <a:ext uri="{FF2B5EF4-FFF2-40B4-BE49-F238E27FC236}">
                <a16:creationId xmlns:a16="http://schemas.microsoft.com/office/drawing/2014/main" id="{1307EB01-4FD4-0EAC-56F9-F7E268100DC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99406" y="2578997"/>
            <a:ext cx="5210993" cy="1936461"/>
          </a:xfrm>
          <a:prstGeom prst="rect">
            <a:avLst/>
          </a:prstGeom>
          <a:noFill/>
          <a:ln>
            <a:noFill/>
          </a:ln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906DC3DF-0E88-F585-E22B-DB16E6215CC4}"/>
              </a:ext>
            </a:extLst>
          </p:cNvPr>
          <p:cNvSpPr txBox="1"/>
          <p:nvPr/>
        </p:nvSpPr>
        <p:spPr>
          <a:xfrm>
            <a:off x="400049" y="1110890"/>
            <a:ext cx="7896225" cy="138499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nstead of starting from scratch, start from weights previously learned from similar task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is is, to a big extent, how humans learn so fast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Transfer learning: learn weights on task T, transfer them to new network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eights can be frozen, or finetuned to the new data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Only works if the previous task is ‘similar’ enough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Generally, weights learned on very diverse data (e.g. ImageNet) transfer better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eta-learning: learn a good initialization across many related task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1876452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26F4DC-FB1A-F24A-1160-88BFC31E48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Optimiser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794AEBF-8F16-3B57-625B-57AE1B01A87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9</a:t>
            </a:fld>
            <a:endParaRPr lang="en-GB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F0AA57AB-A7CD-33E6-80D0-73EC69062361}"/>
              </a:ext>
            </a:extLst>
          </p:cNvPr>
          <p:cNvSpPr>
            <a:spLocks noChangeArrowheads="1"/>
          </p:cNvSpPr>
          <p:nvPr/>
        </p:nvSpPr>
        <p:spPr bwMode="auto">
          <a:xfrm>
            <a:off x="248114" y="1034429"/>
            <a:ext cx="8390112" cy="139268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ts val="300"/>
              </a:spcAft>
              <a:buClrTx/>
              <a:buSzTx/>
              <a:buFontTx/>
              <a:buNone/>
              <a:tabLst/>
            </a:pPr>
            <a:r>
              <a:rPr kumimoji="0" lang="nl-NL" altLang="nl-NL" sz="12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Momentum</a:t>
            </a:r>
            <a:endParaRPr kumimoji="0" lang="nl-NL" altLang="nl-NL" sz="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ts val="300"/>
              </a:spcAft>
              <a:buClrTx/>
              <a:buSzTx/>
              <a:buFontTx/>
              <a:buChar char="•"/>
              <a:tabLst/>
            </a:pPr>
            <a:r>
              <a:rPr kumimoji="0" lang="en-US" altLang="nl-NL" sz="12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magine a ball rolling downhill: accumulates momentum, doesn’t exactly follow steepest descent</a:t>
            </a:r>
            <a:endParaRPr kumimoji="0" lang="nl-NL" altLang="nl-NL" sz="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457200" marR="0" lvl="1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ts val="300"/>
              </a:spcAft>
              <a:buClrTx/>
              <a:buSzTx/>
              <a:buFont typeface="Symbol" panose="05050102010706020507" pitchFamily="18" charset="2"/>
              <a:buChar char=""/>
              <a:tabLst/>
            </a:pPr>
            <a:r>
              <a:rPr kumimoji="0" lang="en-US" altLang="nl-NL" sz="12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duces oscillation, follows larger (consistent) gradient of the loss surface</a:t>
            </a:r>
            <a:endParaRPr kumimoji="0" lang="nl-NL" altLang="nl-NL" sz="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ts val="300"/>
              </a:spcAft>
              <a:buClrTx/>
              <a:buSzTx/>
              <a:buFontTx/>
              <a:buChar char="•"/>
              <a:tabLst/>
            </a:pPr>
            <a:r>
              <a:rPr kumimoji="0" lang="en-US" altLang="nl-NL" sz="12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dds a velocity vector</a:t>
            </a:r>
            <a:endParaRPr kumimoji="0" lang="nl-NL" altLang="nl-NL" sz="12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ts val="300"/>
              </a:spcAft>
              <a:buClrTx/>
              <a:buSzTx/>
              <a:buFontTx/>
              <a:buChar char="•"/>
              <a:tabLst/>
            </a:pPr>
            <a:r>
              <a:rPr kumimoji="0" lang="en-US" altLang="nl-NL" sz="12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Nesterov momentum: Look where momentum step would bring you, compute gradient there</a:t>
            </a:r>
            <a:endParaRPr kumimoji="0" lang="nl-NL" altLang="nl-NL" sz="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457200" marR="0" lvl="1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ts val="300"/>
              </a:spcAft>
              <a:buClrTx/>
              <a:buSzTx/>
              <a:buFont typeface="Symbol" panose="05050102010706020507" pitchFamily="18" charset="2"/>
              <a:buChar char=""/>
              <a:tabLst/>
            </a:pPr>
            <a:r>
              <a:rPr kumimoji="0" lang="en-US" altLang="nl-NL" sz="12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sponds faster (and reduces momentum) when the gradient changes</a:t>
            </a:r>
            <a:endParaRPr kumimoji="0" lang="nl-NL" altLang="nl-NL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538C8130-2796-2070-175D-E602C5A54F3D}"/>
              </a:ext>
            </a:extLst>
          </p:cNvPr>
          <p:cNvSpPr>
            <a:spLocks noChangeArrowheads="1"/>
          </p:cNvSpPr>
          <p:nvPr/>
        </p:nvSpPr>
        <p:spPr bwMode="auto">
          <a:xfrm>
            <a:off x="248113" y="2571750"/>
            <a:ext cx="8390112" cy="94641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eaLnBrk="0" fontAlgn="base" hangingPunct="0">
              <a:spcBef>
                <a:spcPct val="0"/>
              </a:spcBef>
              <a:spcAft>
                <a:spcPts val="300"/>
              </a:spcAft>
            </a:pPr>
            <a:r>
              <a:rPr lang="en-US" altLang="nl-NL" sz="1200" b="1" dirty="0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daptive gradients</a:t>
            </a:r>
            <a:endParaRPr lang="nl-NL" altLang="nl-NL" sz="1200" b="1" dirty="0">
              <a:latin typeface="Aptos" panose="020B0004020202020204" pitchFamily="34" charset="0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pPr eaLnBrk="0" fontAlgn="base" hangingPunct="0">
              <a:spcBef>
                <a:spcPct val="0"/>
              </a:spcBef>
              <a:spcAft>
                <a:spcPts val="300"/>
              </a:spcAft>
            </a:pPr>
            <a:r>
              <a:rPr lang="en-US" altLang="nl-NL" sz="1200" dirty="0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‘Correct’ the learning rate for each weight based on specific local conditions (layer depth, fan-in,…)</a:t>
            </a:r>
            <a:endParaRPr lang="nl-NL" altLang="nl-NL" sz="1200" dirty="0">
              <a:latin typeface="Aptos" panose="020B0004020202020204" pitchFamily="34" charset="0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pPr lvl="1" eaLnBrk="0" fontAlgn="base" hangingPunct="0">
              <a:spcBef>
                <a:spcPct val="0"/>
              </a:spcBef>
              <a:spcAft>
                <a:spcPts val="300"/>
              </a:spcAft>
              <a:buFont typeface="Symbol" panose="05050102010706020507" pitchFamily="18" charset="2"/>
              <a:buChar char=""/>
            </a:pPr>
            <a:r>
              <a:rPr lang="en-US" altLang="nl-NL" sz="1200" dirty="0" err="1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dagrad</a:t>
            </a:r>
            <a:r>
              <a:rPr lang="en-US" altLang="nl-NL" sz="1200" dirty="0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: scale </a:t>
            </a:r>
            <a:r>
              <a:rPr lang="el-GR" altLang="nl-NL" sz="1200" dirty="0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η</a:t>
            </a:r>
            <a:r>
              <a:rPr lang="en-US" altLang="nl-NL" sz="1200" dirty="0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according to squared sum of previous gradients </a:t>
            </a:r>
          </a:p>
          <a:p>
            <a:pPr lvl="1" eaLnBrk="0" fontAlgn="base" hangingPunct="0">
              <a:spcBef>
                <a:spcPct val="0"/>
              </a:spcBef>
              <a:spcAft>
                <a:spcPts val="300"/>
              </a:spcAft>
              <a:buFont typeface="Symbol" panose="05050102010706020507" pitchFamily="18" charset="2"/>
              <a:buChar char=""/>
            </a:pPr>
            <a:r>
              <a:rPr lang="en-US" altLang="nl-NL" sz="1200" dirty="0" err="1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MSProp</a:t>
            </a:r>
            <a:r>
              <a:rPr lang="en-US" altLang="nl-NL" sz="1200" dirty="0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: use moving average of squared gradients </a:t>
            </a:r>
            <a:endParaRPr lang="nl-NL" altLang="nl-NL" sz="1200" dirty="0">
              <a:latin typeface="Aptos" panose="020B0004020202020204" pitchFamily="34" charset="0"/>
              <a:ea typeface="Times New Roman" panose="02020603050405020304" pitchFamily="18" charset="0"/>
              <a:cs typeface="Arial" panose="020B0604020202020204" pitchFamily="34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975B3CE-BF61-1C4C-27B7-5FD54B7381BB}"/>
              </a:ext>
            </a:extLst>
          </p:cNvPr>
          <p:cNvSpPr txBox="1"/>
          <p:nvPr/>
        </p:nvSpPr>
        <p:spPr>
          <a:xfrm>
            <a:off x="248113" y="3635864"/>
            <a:ext cx="8390112" cy="94641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>
            <a:defPPr>
              <a:defRPr lang="nl-NL"/>
            </a:defPPr>
            <a:lvl1pPr eaLnBrk="0" fontAlgn="base" hangingPunct="0">
              <a:spcBef>
                <a:spcPct val="0"/>
              </a:spcBef>
              <a:spcAft>
                <a:spcPts val="300"/>
              </a:spcAft>
              <a:defRPr sz="1200" b="1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defRPr>
            </a:lvl1pPr>
            <a:lvl2pPr lvl="1" eaLnBrk="0" fontAlgn="base" hangingPunct="0">
              <a:spcBef>
                <a:spcPct val="0"/>
              </a:spcBef>
              <a:spcAft>
                <a:spcPts val="300"/>
              </a:spcAft>
              <a:buFont typeface="Symbol" panose="05050102010706020507" pitchFamily="18" charset="2"/>
              <a:buChar char=""/>
              <a:defRPr sz="1200"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defRPr>
            </a:lvl2pPr>
          </a:lstStyle>
          <a:p>
            <a:r>
              <a:rPr lang="nl-NL" altLang="nl-NL" dirty="0"/>
              <a:t>Adam (</a:t>
            </a:r>
            <a:r>
              <a:rPr lang="nl-NL" altLang="nl-NL" dirty="0" err="1"/>
              <a:t>Adaptive</a:t>
            </a:r>
            <a:r>
              <a:rPr lang="nl-NL" altLang="nl-NL" dirty="0"/>
              <a:t> moment </a:t>
            </a:r>
            <a:r>
              <a:rPr lang="nl-NL" altLang="nl-NL" dirty="0" err="1"/>
              <a:t>estimation</a:t>
            </a:r>
            <a:r>
              <a:rPr lang="nl-NL" altLang="nl-NL" dirty="0"/>
              <a:t>)</a:t>
            </a:r>
          </a:p>
          <a:p>
            <a:pPr lvl="1"/>
            <a:r>
              <a:rPr lang="en-US" altLang="nl-NL" dirty="0"/>
              <a:t>Adam: </a:t>
            </a:r>
            <a:r>
              <a:rPr lang="en-US" altLang="nl-NL" dirty="0" err="1"/>
              <a:t>RMSProp</a:t>
            </a:r>
            <a:r>
              <a:rPr lang="en-US" altLang="nl-NL" dirty="0"/>
              <a:t> + momentum. </a:t>
            </a:r>
          </a:p>
          <a:p>
            <a:pPr lvl="1"/>
            <a:r>
              <a:rPr lang="en-US" altLang="nl-NL" dirty="0"/>
              <a:t>Adds moving average for gradients as well </a:t>
            </a:r>
          </a:p>
          <a:p>
            <a:pPr lvl="1"/>
            <a:r>
              <a:rPr lang="en-US" altLang="nl-NL" dirty="0"/>
              <a:t>Adds a bias correction to avoid small initial gradients</a:t>
            </a:r>
            <a:endParaRPr lang="nl-NL" altLang="nl-NL" dirty="0"/>
          </a:p>
        </p:txBody>
      </p:sp>
    </p:spTree>
    <p:extLst>
      <p:ext uri="{BB962C8B-B14F-4D97-AF65-F5344CB8AC3E}">
        <p14:creationId xmlns:p14="http://schemas.microsoft.com/office/powerpoint/2010/main" val="407730739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20EE43-AA27-3C07-FCC1-87BB9813B4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/>
              <a:t>What</a:t>
            </a:r>
            <a:r>
              <a:rPr lang="nl-NL" dirty="0"/>
              <a:t> are we </a:t>
            </a:r>
            <a:r>
              <a:rPr lang="nl-NL" dirty="0" err="1"/>
              <a:t>going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do </a:t>
            </a:r>
            <a:r>
              <a:rPr lang="nl-NL" dirty="0" err="1"/>
              <a:t>this</a:t>
            </a:r>
            <a:r>
              <a:rPr lang="nl-NL" dirty="0"/>
              <a:t> </a:t>
            </a:r>
            <a:r>
              <a:rPr lang="nl-NL" dirty="0" err="1"/>
              <a:t>afternoon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3CFCBD-1F99-02CB-79B8-4A7ABDCE86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</a:t>
            </a:fld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B9F2164-9F7B-842A-CB56-2AB905524C04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/>
          <a:lstStyle/>
          <a:p>
            <a:pPr marL="342900" indent="-342900">
              <a:buAutoNum type="arabicPeriod"/>
            </a:pPr>
            <a:r>
              <a:rPr lang="en-US" dirty="0"/>
              <a:t>Introduction neural networks</a:t>
            </a:r>
          </a:p>
          <a:p>
            <a:pPr marL="900900" lvl="2" indent="-342900">
              <a:spcBef>
                <a:spcPts val="0"/>
              </a:spcBef>
              <a:buFont typeface="+mj-lt"/>
              <a:buAutoNum type="alphaLcParenR"/>
            </a:pPr>
            <a:r>
              <a:rPr lang="en-US" dirty="0"/>
              <a:t>Neural networks</a:t>
            </a:r>
          </a:p>
          <a:p>
            <a:pPr marL="900900" lvl="2" indent="-342900">
              <a:spcBef>
                <a:spcPts val="0"/>
              </a:spcBef>
              <a:buFont typeface="+mj-lt"/>
              <a:buAutoNum type="alphaLcParenR"/>
            </a:pPr>
            <a:r>
              <a:rPr lang="en-US" dirty="0"/>
              <a:t>Architecture</a:t>
            </a:r>
          </a:p>
          <a:p>
            <a:pPr marL="900900" lvl="2" indent="-342900">
              <a:spcBef>
                <a:spcPts val="0"/>
              </a:spcBef>
              <a:buFont typeface="+mj-lt"/>
              <a:buAutoNum type="alphaLcParenR"/>
            </a:pPr>
            <a:r>
              <a:rPr lang="en-US" dirty="0"/>
              <a:t>Training</a:t>
            </a:r>
          </a:p>
          <a:p>
            <a:pPr marL="342900" indent="-342900">
              <a:spcBef>
                <a:spcPts val="1800"/>
              </a:spcBef>
              <a:buAutoNum type="arabicPeriod"/>
            </a:pPr>
            <a:r>
              <a:rPr lang="en-US" dirty="0"/>
              <a:t>Neural networks in practice</a:t>
            </a:r>
          </a:p>
          <a:p>
            <a:pPr marL="342900" indent="-342900">
              <a:spcBef>
                <a:spcPts val="1800"/>
              </a:spcBef>
              <a:buAutoNum type="arabicPeriod"/>
            </a:pPr>
            <a:r>
              <a:rPr lang="en-US" dirty="0"/>
              <a:t>Case study: Company default prediction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70597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0F3A6E-0D16-F284-6783-4DCA0A5FDC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erformance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5362EB4-1014-8749-FDED-7AB5BEF8AF52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0</a:t>
            </a:fld>
            <a:endParaRPr lang="en-GB" dirty="0"/>
          </a:p>
        </p:txBody>
      </p:sp>
      <p:pic>
        <p:nvPicPr>
          <p:cNvPr id="15362" name="Picture 2">
            <a:extLst>
              <a:ext uri="{FF2B5EF4-FFF2-40B4-BE49-F238E27FC236}">
                <a16:creationId xmlns:a16="http://schemas.microsoft.com/office/drawing/2014/main" id="{B618808D-284B-2732-C40E-A3D9331D001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860" r="7158" b="6955"/>
          <a:stretch/>
        </p:blipFill>
        <p:spPr bwMode="auto">
          <a:xfrm>
            <a:off x="1799409" y="1101434"/>
            <a:ext cx="4656908" cy="333807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04260521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0F3A6E-0D16-F284-6783-4DCA0A5FDC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erformance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5362EB4-1014-8749-FDED-7AB5BEF8AF52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1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4BEA56D-7F2B-7D50-FD5D-0332E8928A71}"/>
              </a:ext>
            </a:extLst>
          </p:cNvPr>
          <p:cNvSpPr txBox="1"/>
          <p:nvPr/>
        </p:nvSpPr>
        <p:spPr>
          <a:xfrm>
            <a:off x="508561" y="1339310"/>
            <a:ext cx="8126878" cy="206210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Choosing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loss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,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optimizer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,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metric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spcBef>
                <a:spcPts val="300"/>
              </a:spcBef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Loss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function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ross-entropy (log loss) for multi-class classification </a:t>
            </a:r>
            <a:r>
              <a:rPr lang="en-US" sz="1200" dirty="0"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ŷ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is one-hot encoded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Use binary </a:t>
            </a:r>
            <a:r>
              <a:rPr lang="en-US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rossentropy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for binary problems (single output node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Use sparse categorical </a:t>
            </a:r>
            <a:r>
              <a:rPr lang="en-US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rossentropy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if </a:t>
            </a:r>
            <a:r>
              <a:rPr lang="en-US" sz="1200" dirty="0"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ŷ 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is label-encoded (1,2,3,…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spcBef>
                <a:spcPts val="300"/>
              </a:spcBef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Optimizer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ny of the optimizers we discussed before. </a:t>
            </a:r>
            <a:r>
              <a:rPr lang="nl-NL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RMSprop</a:t>
            </a:r>
            <a:r>
              <a:rPr lang="nl-NL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lang="nl-NL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usually</a:t>
            </a:r>
            <a:r>
              <a:rPr lang="nl-NL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lang="nl-NL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orks</a:t>
            </a:r>
            <a:r>
              <a:rPr lang="nl-NL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well.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spcBef>
                <a:spcPts val="300"/>
              </a:spcBef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Metric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o monitor performance during training and testing, e.g. accuracy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7351262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59DF153-45C9-3AEB-59C8-6C75F2A6D8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yperparameter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4B655D-B11E-1196-6F67-DD82A8AA64E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2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865AC4A-F739-01B1-2D2B-2D0F918A0FD3}"/>
              </a:ext>
            </a:extLst>
          </p:cNvPr>
          <p:cNvSpPr txBox="1"/>
          <p:nvPr/>
        </p:nvSpPr>
        <p:spPr>
          <a:xfrm>
            <a:off x="673100" y="1140588"/>
            <a:ext cx="7293264" cy="228524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Choosing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training hyperparameter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spcBef>
                <a:spcPts val="300"/>
              </a:spcBef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Number of epochs: enough to allow convergence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oo much: model starts overfitting (or just wastes time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spcBef>
                <a:spcPts val="300"/>
              </a:spcBef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Batch size: small batches (e.g. 32, 64,… samples) often preferred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‘Noisy’ training data makes overfitting less likely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1143000" lvl="2" indent="-228600">
              <a:spcBef>
                <a:spcPts val="300"/>
              </a:spcBef>
              <a:buSzPts val="1000"/>
              <a:buFont typeface="Wingdings" panose="05000000000000000000" pitchFamily="2" charset="2"/>
              <a:buChar char=""/>
              <a:tabLst>
                <a:tab pos="13716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Larger batches generalize less well (‘generalization gap’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Requires less memory (especially in GPUs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Large batches do speed up training, may converge in fewer epoch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indent="-342900">
              <a:spcBef>
                <a:spcPts val="300"/>
              </a:spcBef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latin typeface="Aptos" panose="020B0004020202020204" pitchFamily="34" charset="0"/>
                <a:cs typeface="Arial" panose="020B0604020202020204" pitchFamily="34" charset="0"/>
              </a:rPr>
              <a:t>Batch size interacts with learning rate</a:t>
            </a:r>
            <a:endParaRPr lang="nl-NL" sz="1200" dirty="0">
              <a:latin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spcBef>
                <a:spcPts val="300"/>
              </a:spcBef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Instead of shrinking the learning rate you can increase batch size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2801016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43F01A-C406-BA64-5526-7B0F36354D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o know the model is trained well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B408576-05F4-C7DF-BD98-B5C775D0A2B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3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51C6A14-3D48-214A-CF9F-F57712F8C19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3370"/>
          <a:stretch/>
        </p:blipFill>
        <p:spPr bwMode="auto">
          <a:xfrm>
            <a:off x="1638704" y="2399494"/>
            <a:ext cx="5162550" cy="2197906"/>
          </a:xfrm>
          <a:prstGeom prst="rect">
            <a:avLst/>
          </a:prstGeom>
          <a:noFill/>
          <a:ln>
            <a:noFill/>
          </a:ln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DFBC10D4-6BC4-BCB1-B819-3977BB354236}"/>
              </a:ext>
            </a:extLst>
          </p:cNvPr>
          <p:cNvSpPr txBox="1"/>
          <p:nvPr/>
        </p:nvSpPr>
        <p:spPr>
          <a:xfrm>
            <a:off x="416098" y="862737"/>
            <a:ext cx="7607762" cy="156966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How many epochs do we need for training?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Train the neural net and track the loss after every iteration on a validation set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You can add a callback to the fit version to get info on every epoch</a:t>
            </a:r>
          </a:p>
          <a:p>
            <a:pPr lvl="1">
              <a:buSzPts val="1000"/>
              <a:tabLst>
                <a:tab pos="914400" algn="l"/>
              </a:tabLst>
            </a:pPr>
            <a:endParaRPr lang="nl-NL" sz="1200" b="1" dirty="0">
              <a:effectLst/>
              <a:latin typeface="Aptos" panose="020B0004020202020204" pitchFamily="34" charset="0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Early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stopping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Stop training when the validation loss (or validation accuracy) no longer improve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Loss can be bumpy: use a moving average or wait for k steps without improvement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7769847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19127B-5656-776C-3E62-DC638F3B1B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B40279C-49F0-703C-D4C8-6AEE81AAF39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4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398ED09-42F7-30FA-4699-9869CB1051D7}"/>
              </a:ext>
            </a:extLst>
          </p:cNvPr>
          <p:cNvSpPr txBox="1"/>
          <p:nvPr/>
        </p:nvSpPr>
        <p:spPr>
          <a:xfrm>
            <a:off x="511347" y="1140589"/>
            <a:ext cx="7518227" cy="156966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gularisation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and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memorisation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capacity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The number of learnable parameters is called the model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capacity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 model with more parameters has a higher </a:t>
            </a:r>
            <a:r>
              <a:rPr lang="en-US" sz="1200" i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memorisation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capacity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oo high capacity causes overfitting, too low causes underfitting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In the extreme, the training set can be ‘</a:t>
            </a:r>
            <a:r>
              <a:rPr lang="en-US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emorised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’ in the weight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Smaller models are forced it to learn a compressed representation that </a:t>
            </a:r>
            <a:r>
              <a:rPr lang="en-US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generalises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better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Find the sweet spot: e.g. start with few parameters, increase until overfitting stars.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Example: 256 nodes in first layer, 32 nodes in second layer, similar performance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EA8C32B-E472-46BF-5ED6-16F6EC865DA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04568" y="2828106"/>
            <a:ext cx="3931783" cy="1729754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44564114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19127B-5656-776C-3E62-DC638F3B1B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B40279C-49F0-703C-D4C8-6AEE81AAF39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5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398ED09-42F7-30FA-4699-9869CB1051D7}"/>
              </a:ext>
            </a:extLst>
          </p:cNvPr>
          <p:cNvSpPr txBox="1"/>
          <p:nvPr/>
        </p:nvSpPr>
        <p:spPr>
          <a:xfrm>
            <a:off x="511347" y="1140589"/>
            <a:ext cx="7518227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nformation bottleneck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f a layer is too narrow, it will lose information that can never be recovered by subsequent layer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nformation bottleneck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theory defines a bound on the capacity of the network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magine that you need to learn 10 outputs (e.g. classes) and your hidden layer has 2 nodes</a:t>
            </a: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Example: bottleneck of 2 nodes, no overfitting, much higher training los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EAB2F34-5FCD-FA92-896E-328CD607632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564284" y="2156252"/>
            <a:ext cx="5412351" cy="2418913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213217659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19127B-5656-776C-3E62-DC638F3B1B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B40279C-49F0-703C-D4C8-6AEE81AAF39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6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398ED09-42F7-30FA-4699-9869CB1051D7}"/>
              </a:ext>
            </a:extLst>
          </p:cNvPr>
          <p:cNvSpPr txBox="1"/>
          <p:nvPr/>
        </p:nvSpPr>
        <p:spPr>
          <a:xfrm>
            <a:off x="511347" y="1140589"/>
            <a:ext cx="7518227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Weight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gularisation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(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weight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 </a:t>
            </a:r>
            <a:r>
              <a:rPr lang="nl-NL" sz="1200" b="1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decay</a:t>
            </a:r>
            <a:r>
              <a:rPr lang="nl-NL" sz="1200" b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s we did many times before, we can also add weight regularization to our loss function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L1 </a:t>
            </a:r>
            <a:r>
              <a:rPr lang="en-US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gularisation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: leads to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sparse networks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with many weights that are 0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L2 </a:t>
            </a:r>
            <a:r>
              <a:rPr lang="en-US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gularisation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: leads to many very small weight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EAB2F34-5FCD-FA92-896E-328CD607632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564284" y="2156252"/>
            <a:ext cx="5412351" cy="2418913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120595930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4BE701-ACB4-BD99-9C2E-66684BB9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ropout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C4B27CA-3790-23C5-97C3-1E51B3F295A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7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962919C3-CC5D-B2CE-06AF-86E632236228}"/>
              </a:ext>
            </a:extLst>
          </p:cNvPr>
          <p:cNvSpPr txBox="1"/>
          <p:nvPr/>
        </p:nvSpPr>
        <p:spPr>
          <a:xfrm>
            <a:off x="511347" y="983402"/>
            <a:ext cx="6927949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Every iteration, randomly set a number of activations a</a:t>
            </a:r>
            <a:r>
              <a:rPr lang="en-US" sz="1200" baseline="-250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to 0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Dropout rate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: fraction of the outputs that are zeroed-out (e.g. 0.1 - 0.5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dea: break up accidental non-significant learned pattern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t test time, nothing is dropped out, but the output values are scaled down by the dropout rate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alances out that more units are active than during training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11266" name="Picture 2" descr="python - Tensorflow : What is actually tf.nn.dropout output_keep_prob? -  Stack Overflow">
            <a:extLst>
              <a:ext uri="{FF2B5EF4-FFF2-40B4-BE49-F238E27FC236}">
                <a16:creationId xmlns:a16="http://schemas.microsoft.com/office/drawing/2014/main" id="{9D871C23-E65E-9DD9-6C3C-F6CC24B4835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5695"/>
          <a:stretch/>
        </p:blipFill>
        <p:spPr bwMode="auto">
          <a:xfrm>
            <a:off x="407520" y="2183731"/>
            <a:ext cx="8126879" cy="22924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66863769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C2E84D-5AB6-6C60-0F22-4464C912B1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nl-NL" dirty="0"/>
              <a:t>Batch </a:t>
            </a:r>
            <a:r>
              <a:rPr lang="nl-NL" dirty="0" err="1"/>
              <a:t>Normalisation</a:t>
            </a:r>
            <a:br>
              <a:rPr lang="nl-NL" dirty="0"/>
            </a:b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C644A0C-B2C3-FB32-630F-61B37A4134C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8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B0520AB-9EA8-25F5-BD1E-7E3BED40C4A7}"/>
              </a:ext>
            </a:extLst>
          </p:cNvPr>
          <p:cNvSpPr txBox="1"/>
          <p:nvPr/>
        </p:nvSpPr>
        <p:spPr>
          <a:xfrm>
            <a:off x="511348" y="1131838"/>
            <a:ext cx="7065109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We’ve seen that scaling the input is important, but what if layer activations become very large?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ame problems, starting deeper in the network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Batch </a:t>
            </a:r>
            <a:r>
              <a:rPr lang="en-US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normalisation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: normalize the activations of the previous layer within each batch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ithin a batch, set the mean activation close to 0 and the standard deviation close to 1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1143000" lvl="2" indent="-228600">
              <a:buSzPts val="1000"/>
              <a:buFont typeface="Wingdings" panose="05000000000000000000" pitchFamily="2" charset="2"/>
              <a:buChar char=""/>
              <a:tabLst>
                <a:tab pos="13716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cross badges, use exponential moving average of batch-wise mean and variance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llows deeper networks less prone to vanishing or exploding gradient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12290" name="Picture 2" descr="Why do we use Batch Normalization in Deep Learning and How do we optimize  Network ?">
            <a:extLst>
              <a:ext uri="{FF2B5EF4-FFF2-40B4-BE49-F238E27FC236}">
                <a16:creationId xmlns:a16="http://schemas.microsoft.com/office/drawing/2014/main" id="{66863645-3F21-5F05-D587-21D0F79E967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59"/>
          <a:stretch/>
        </p:blipFill>
        <p:spPr bwMode="auto">
          <a:xfrm>
            <a:off x="2369128" y="2378313"/>
            <a:ext cx="3752602" cy="211813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3687725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3B3BAD7-2946-D879-8195-071DB3F2127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854036"/>
            <a:ext cx="4318162" cy="1073728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en-US" dirty="0"/>
              <a:t>Neural Networks in Practice</a:t>
            </a:r>
            <a:endParaRPr lang="nl-NL" dirty="0"/>
          </a:p>
        </p:txBody>
      </p:sp>
      <p:pic>
        <p:nvPicPr>
          <p:cNvPr id="11" name="Picture Placeholder 10" descr="A logo with black text&#10;&#10;Description automatically generated">
            <a:extLst>
              <a:ext uri="{FF2B5EF4-FFF2-40B4-BE49-F238E27FC236}">
                <a16:creationId xmlns:a16="http://schemas.microsoft.com/office/drawing/2014/main" id="{4DA76372-857E-2B5E-1BFA-7A3A484B9691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2"/>
          <a:srcRect l="12907" r="12907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4637065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F273C913-6219-69F2-BCC6-730052060D1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Neural network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381BB42-316E-C557-D965-CC5AE8FD49E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24888" y="4740275"/>
            <a:ext cx="519112" cy="198438"/>
          </a:xfrm>
        </p:spPr>
        <p:txBody>
          <a:bodyPr/>
          <a:lstStyle/>
          <a:p>
            <a:fld id="{A57ACD69-77E0-4B27-BE9A-0E1A45A60CED}" type="slidenum">
              <a:rPr lang="en-US" smtClean="0"/>
              <a:pPr/>
              <a:t>3</a:t>
            </a:fld>
            <a:endParaRPr lang="en-GB" dirty="0"/>
          </a:p>
        </p:txBody>
      </p:sp>
      <p:pic>
        <p:nvPicPr>
          <p:cNvPr id="7" name="Picture Placeholder 4" descr="Colorful circles linked with lines representing a network">
            <a:extLst>
              <a:ext uri="{FF2B5EF4-FFF2-40B4-BE49-F238E27FC236}">
                <a16:creationId xmlns:a16="http://schemas.microsoft.com/office/drawing/2014/main" id="{F140A479-816C-B8CB-154E-DC412D895ABF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2"/>
          <a:srcRect t="9455" b="9455"/>
          <a:stretch>
            <a:fillRect/>
          </a:stretch>
        </p:blipFill>
        <p:spPr>
          <a:xfrm>
            <a:off x="0" y="273050"/>
            <a:ext cx="9144000" cy="4992688"/>
          </a:xfrm>
        </p:spPr>
      </p:pic>
    </p:spTree>
    <p:extLst>
      <p:ext uri="{BB962C8B-B14F-4D97-AF65-F5344CB8AC3E}">
        <p14:creationId xmlns:p14="http://schemas.microsoft.com/office/powerpoint/2010/main" val="4157281334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460FB4C-925E-A352-9434-45BD7D2E37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PyTorch</a:t>
            </a:r>
            <a:r>
              <a:rPr lang="en-US" dirty="0"/>
              <a:t> framework</a:t>
            </a:r>
            <a:endParaRPr lang="nl-NL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81A1112-E9AD-D2AF-C9DB-F6D057156334}"/>
              </a:ext>
            </a:extLst>
          </p:cNvPr>
          <p:cNvSpPr txBox="1"/>
          <p:nvPr/>
        </p:nvSpPr>
        <p:spPr>
          <a:xfrm>
            <a:off x="511348" y="1131838"/>
            <a:ext cx="7065109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Originally made by Facebook</a:t>
            </a: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latin typeface="Aptos" panose="020B0004020202020204" pitchFamily="34" charset="0"/>
                <a:ea typeface="Aptos" panose="020B0004020202020204" pitchFamily="34" charset="0"/>
                <a:cs typeface="Arial" panose="020B0604020202020204" pitchFamily="34" charset="0"/>
              </a:rPr>
              <a:t>Since Sept 2022 governed by the independent </a:t>
            </a:r>
            <a:r>
              <a:rPr lang="en-US" sz="1200" dirty="0" err="1">
                <a:latin typeface="Aptos" panose="020B0004020202020204" pitchFamily="34" charset="0"/>
                <a:ea typeface="Aptos" panose="020B0004020202020204" pitchFamily="34" charset="0"/>
                <a:cs typeface="Arial" panose="020B0604020202020204" pitchFamily="34" charset="0"/>
              </a:rPr>
              <a:t>PyTorch</a:t>
            </a:r>
            <a:r>
              <a:rPr lang="en-US" sz="1200" dirty="0">
                <a:latin typeface="Aptos" panose="020B0004020202020204" pitchFamily="34" charset="0"/>
                <a:ea typeface="Aptos" panose="020B0004020202020204" pitchFamily="34" charset="0"/>
                <a:cs typeface="Arial" panose="020B0604020202020204" pitchFamily="34" charset="0"/>
              </a:rPr>
              <a:t> foundation</a:t>
            </a: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Arial" panose="020B0604020202020204" pitchFamily="34" charset="0"/>
              </a:rPr>
              <a:t>Focused on GPU calculation on </a:t>
            </a:r>
            <a:r>
              <a:rPr lang="en-US" sz="1200" dirty="0" err="1">
                <a:effectLst/>
                <a:latin typeface="Aptos" panose="020B0004020202020204" pitchFamily="34" charset="0"/>
                <a:ea typeface="Aptos" panose="020B0004020202020204" pitchFamily="34" charset="0"/>
                <a:cs typeface="Arial" panose="020B0604020202020204" pitchFamily="34" charset="0"/>
              </a:rPr>
              <a:t>Numpy</a:t>
            </a:r>
            <a:r>
              <a:rPr lang="en-US" sz="12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Arial" panose="020B0604020202020204" pitchFamily="34" charset="0"/>
              </a:rPr>
              <a:t> arrays</a:t>
            </a: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Automatic differentiation system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C72431D9-875B-86A3-F59A-EDB48CD920E7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7224" t="34882" r="7224" b="20000"/>
          <a:stretch/>
        </p:blipFill>
        <p:spPr>
          <a:xfrm>
            <a:off x="1276597" y="2147455"/>
            <a:ext cx="6008914" cy="23206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3946091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looking up at skyscrapers">
            <a:extLst>
              <a:ext uri="{FF2B5EF4-FFF2-40B4-BE49-F238E27FC236}">
                <a16:creationId xmlns:a16="http://schemas.microsoft.com/office/drawing/2014/main" id="{62898810-2A59-E7B2-1FA4-06325E9C9B75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2"/>
          <a:srcRect t="9063" b="9063"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D9D9290-A37D-6BB8-3149-EE6361BE630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Company Defaults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3760217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B2B8205-06C4-A05B-FB59-D7645D1D680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rom logistic regression</a:t>
            </a:r>
            <a:endParaRPr lang="nl-NL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" name="Content Placeholder 4">
                <a:extLst>
                  <a:ext uri="{FF2B5EF4-FFF2-40B4-BE49-F238E27FC236}">
                    <a16:creationId xmlns:a16="http://schemas.microsoft.com/office/drawing/2014/main" id="{38C893F8-6C8C-A681-8A3F-99076FFE49FE}"/>
                  </a:ext>
                </a:extLst>
              </p:cNvPr>
              <p:cNvSpPr>
                <a:spLocks noGrp="1"/>
              </p:cNvSpPr>
              <p:nvPr>
                <p:ph sz="quarter" idx="15"/>
              </p:nvPr>
            </p:nvSpPr>
            <p:spPr>
              <a:xfrm>
                <a:off x="511200" y="1120140"/>
                <a:ext cx="4449420" cy="3258928"/>
              </a:xfrm>
            </p:spPr>
            <p:txBody>
              <a:bodyPr/>
              <a:lstStyle/>
              <a:p>
                <a:pPr marL="342900" lvl="0" indent="-342900">
                  <a:buSzPts val="1000"/>
                  <a:buFont typeface="Symbol" panose="05050102010706020507" pitchFamily="18" charset="2"/>
                  <a:buChar char=""/>
                  <a:tabLst>
                    <a:tab pos="457200" algn="l"/>
                  </a:tabLst>
                </a:pPr>
                <a:r>
                  <a:rPr lang="en-US" sz="1200" dirty="0">
                    <a:effectLst/>
                    <a:latin typeface="Aptos" panose="020B0004020202020204" pitchFamily="34" charset="0"/>
                    <a:ea typeface="Times New Roman" panose="02020603050405020304" pitchFamily="18" charset="0"/>
                    <a:cs typeface="Arial" panose="020B0604020202020204" pitchFamily="34" charset="0"/>
                  </a:rPr>
                  <a:t>Logistic regression, drawn in a different, neuro-inspired, way</a:t>
                </a:r>
                <a:endParaRPr lang="nl-NL" sz="1200" dirty="0">
                  <a:effectLst/>
                  <a:latin typeface="Aptos" panose="020B0004020202020204" pitchFamily="34" charset="0"/>
                  <a:ea typeface="Aptos" panose="020B0004020202020204" pitchFamily="34" charset="0"/>
                  <a:cs typeface="Arial" panose="020B0604020202020204" pitchFamily="34" charset="0"/>
                </a:endParaRPr>
              </a:p>
              <a:p>
                <a:pPr marL="742950" lvl="1" indent="-285750">
                  <a:buSzPts val="1000"/>
                  <a:buFont typeface="Courier New" panose="02070309020205020404" pitchFamily="49" charset="0"/>
                  <a:buChar char="o"/>
                  <a:tabLst>
                    <a:tab pos="914400" algn="l"/>
                  </a:tabLst>
                </a:pPr>
                <a:r>
                  <a:rPr lang="en-US" sz="1200" dirty="0">
                    <a:effectLst/>
                    <a:latin typeface="Aptos" panose="020B0004020202020204" pitchFamily="34" charset="0"/>
                    <a:ea typeface="Times New Roman" panose="02020603050405020304" pitchFamily="18" charset="0"/>
                    <a:cs typeface="Times New Roman" panose="02020603050405020304" pitchFamily="18" charset="0"/>
                  </a:rPr>
                  <a:t>Linear model: inner product </a:t>
                </a:r>
                <a:r>
                  <a:rPr lang="en-US" sz="1200" dirty="0">
                    <a:effectLst/>
                    <a:latin typeface="Cambria Math" panose="02040503050406030204" pitchFamily="18" charset="0"/>
                    <a:ea typeface="Cambria Math" panose="02040503050406030204" pitchFamily="18" charset="0"/>
                    <a:cs typeface="Times New Roman" panose="02020603050405020304" pitchFamily="18" charset="0"/>
                  </a:rPr>
                  <a:t>z </a:t>
                </a:r>
                <a:r>
                  <a:rPr lang="en-US" sz="1200" dirty="0">
                    <a:effectLst/>
                    <a:latin typeface="Aptos" panose="020B0004020202020204" pitchFamily="34" charset="0"/>
                    <a:ea typeface="Times New Roman" panose="02020603050405020304" pitchFamily="18" charset="0"/>
                    <a:cs typeface="Times New Roman" panose="02020603050405020304" pitchFamily="18" charset="0"/>
                  </a:rPr>
                  <a:t>of input vector </a:t>
                </a:r>
                <a:r>
                  <a:rPr lang="en-US" sz="1200" dirty="0">
                    <a:effectLst/>
                    <a:latin typeface="Cambria Math" panose="02040503050406030204" pitchFamily="18" charset="0"/>
                    <a:ea typeface="Cambria Math" panose="02040503050406030204" pitchFamily="18" charset="0"/>
                    <a:cs typeface="Times New Roman" panose="02020603050405020304" pitchFamily="18" charset="0"/>
                  </a:rPr>
                  <a:t>x</a:t>
                </a:r>
                <a:r>
                  <a:rPr lang="en-US" sz="1200" dirty="0">
                    <a:effectLst/>
                    <a:latin typeface="Aptos" panose="020B0004020202020204" pitchFamily="34" charset="0"/>
                    <a:ea typeface="Times New Roman" panose="02020603050405020304" pitchFamily="18" charset="0"/>
                    <a:cs typeface="Times New Roman" panose="02020603050405020304" pitchFamily="18" charset="0"/>
                  </a:rPr>
                  <a:t> and weight vector </a:t>
                </a:r>
                <a:r>
                  <a:rPr lang="en-US" sz="1200" dirty="0">
                    <a:effectLst/>
                    <a:latin typeface="Cambria Math" panose="02040503050406030204" pitchFamily="18" charset="0"/>
                    <a:ea typeface="Cambria Math" panose="02040503050406030204" pitchFamily="18" charset="0"/>
                    <a:cs typeface="Times New Roman" panose="02020603050405020304" pitchFamily="18" charset="0"/>
                  </a:rPr>
                  <a:t>w</a:t>
                </a:r>
                <a:r>
                  <a:rPr lang="en-US" sz="1200" dirty="0">
                    <a:effectLst/>
                    <a:latin typeface="Aptos" panose="020B0004020202020204" pitchFamily="34" charset="0"/>
                    <a:ea typeface="Times New Roman" panose="02020603050405020304" pitchFamily="18" charset="0"/>
                    <a:cs typeface="Times New Roman" panose="02020603050405020304" pitchFamily="18" charset="0"/>
                  </a:rPr>
                  <a:t>, plus bias 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nl-NL" sz="12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nl-NL" sz="1200">
                            <a:latin typeface="Cambria Math" panose="02040503050406030204" pitchFamily="18" charset="0"/>
                          </a:rPr>
                          <m:t>w</m:t>
                        </m:r>
                      </m:e>
                      <m:sub>
                        <m:r>
                          <a:rPr lang="en-US" sz="1200" i="1">
                            <a:latin typeface="Cambria Math" panose="02040503050406030204" pitchFamily="18" charset="0"/>
                          </a:rPr>
                          <m:t>0</m:t>
                        </m:r>
                      </m:sub>
                    </m:sSub>
                  </m:oMath>
                </a14:m>
                <a:endParaRPr lang="nl-NL" sz="1200" dirty="0">
                  <a:effectLst/>
                  <a:latin typeface="Aptos" panose="020B0004020202020204" pitchFamily="34" charset="0"/>
                  <a:ea typeface="Aptos" panose="020B0004020202020204" pitchFamily="34" charset="0"/>
                  <a:cs typeface="Times New Roman" panose="02020603050405020304" pitchFamily="18" charset="0"/>
                </a:endParaRPr>
              </a:p>
              <a:p>
                <a:pPr marL="742950" lvl="1" indent="-285750">
                  <a:buSzPts val="1000"/>
                  <a:buFont typeface="Courier New" panose="02070309020205020404" pitchFamily="49" charset="0"/>
                  <a:buChar char="o"/>
                  <a:tabLst>
                    <a:tab pos="914400" algn="l"/>
                  </a:tabLst>
                </a:pPr>
                <a:r>
                  <a:rPr lang="en-US" sz="1200" dirty="0">
                    <a:effectLst/>
                    <a:latin typeface="Aptos" panose="020B0004020202020204" pitchFamily="34" charset="0"/>
                    <a:ea typeface="Times New Roman" panose="02020603050405020304" pitchFamily="18" charset="0"/>
                    <a:cs typeface="Times New Roman" panose="02020603050405020304" pitchFamily="18" charset="0"/>
                  </a:rPr>
                  <a:t>Logistic (or sigmoid) function maps the output to a probability in [0,1]</a:t>
                </a:r>
                <a:endParaRPr lang="nl-NL" sz="1200" dirty="0">
                  <a:effectLst/>
                  <a:latin typeface="Aptos" panose="020B0004020202020204" pitchFamily="34" charset="0"/>
                  <a:ea typeface="Aptos" panose="020B0004020202020204" pitchFamily="34" charset="0"/>
                  <a:cs typeface="Times New Roman" panose="02020603050405020304" pitchFamily="18" charset="0"/>
                </a:endParaRPr>
              </a:p>
              <a:p>
                <a:pPr marL="742950" lvl="1" indent="-285750">
                  <a:buSzPts val="1000"/>
                  <a:buFont typeface="Courier New" panose="02070309020205020404" pitchFamily="49" charset="0"/>
                  <a:buChar char="o"/>
                  <a:tabLst>
                    <a:tab pos="914400" algn="l"/>
                  </a:tabLst>
                </a:pPr>
                <a:r>
                  <a:rPr lang="en-US" sz="1200" dirty="0">
                    <a:effectLst/>
                    <a:latin typeface="Aptos" panose="020B0004020202020204" pitchFamily="34" charset="0"/>
                    <a:ea typeface="Times New Roman" panose="02020603050405020304" pitchFamily="18" charset="0"/>
                    <a:cs typeface="Times New Roman" panose="02020603050405020304" pitchFamily="18" charset="0"/>
                  </a:rPr>
                  <a:t>Uses log loss (cross-entropy) and gradient descent to learn the weights</a:t>
                </a:r>
                <a:endParaRPr lang="nl-NL" sz="1200" dirty="0">
                  <a:effectLst/>
                  <a:latin typeface="Aptos" panose="020B0004020202020204" pitchFamily="34" charset="0"/>
                  <a:ea typeface="Aptos" panose="020B0004020202020204" pitchFamily="34" charset="0"/>
                  <a:cs typeface="Times New Roman" panose="02020603050405020304" pitchFamily="18" charset="0"/>
                </a:endParaRPr>
              </a:p>
              <a:p>
                <a:endParaRPr lang="nl-NL" dirty="0"/>
              </a:p>
            </p:txBody>
          </p:sp>
        </mc:Choice>
        <mc:Fallback>
          <p:sp>
            <p:nvSpPr>
              <p:cNvPr id="5" name="Content Placeholder 4">
                <a:extLst>
                  <a:ext uri="{FF2B5EF4-FFF2-40B4-BE49-F238E27FC236}">
                    <a16:creationId xmlns:a16="http://schemas.microsoft.com/office/drawing/2014/main" id="{38C893F8-6C8C-A681-8A3F-99076FFE49FE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quarter" idx="15"/>
              </p:nvPr>
            </p:nvSpPr>
            <p:spPr>
              <a:xfrm>
                <a:off x="511200" y="1120140"/>
                <a:ext cx="4449420" cy="3258928"/>
              </a:xfrm>
              <a:blipFill>
                <a:blip r:embed="rId2"/>
                <a:stretch>
                  <a:fillRect l="-1918" t="-749"/>
                </a:stretch>
              </a:blipFill>
            </p:spPr>
            <p:txBody>
              <a:bodyPr/>
              <a:lstStyle/>
              <a:p>
                <a:r>
                  <a:rPr lang="nl-NL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7A761B53-241C-0D9E-714D-1655A5CB42A2}"/>
                  </a:ext>
                </a:extLst>
              </p:cNvPr>
              <p:cNvSpPr txBox="1"/>
              <p:nvPr/>
            </p:nvSpPr>
            <p:spPr>
              <a:xfrm>
                <a:off x="650702" y="3200511"/>
                <a:ext cx="3921298" cy="89139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acc>
                        <m:accPr>
                          <m:chr m:val="̂"/>
                          <m:ctrlPr>
                            <a:rPr lang="nl-NL" sz="14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y</m:t>
                          </m:r>
                        </m:e>
                      </m:acc>
                      <m:d>
                        <m:d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x</m:t>
                          </m:r>
                        </m:e>
                      </m:d>
                    </m:oMath>
                  </m:oMathPara>
                </a14:m>
                <a:endParaRPr lang="en-US" sz="1400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:pPr/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r>
                        <a:rPr lang="en-US" sz="14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m:rPr>
                          <m:nor/>
                        </m:rPr>
                        <a:rPr lang="en-US" sz="140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sigmoid</m:t>
                      </m:r>
                      <m:d>
                        <m:d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z</m:t>
                          </m:r>
                        </m:e>
                      </m:d>
                    </m:oMath>
                  </m:oMathPara>
                </a14:m>
                <a:endParaRPr lang="en-US" sz="1400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:pPr/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r>
                        <a:rPr lang="en-US" sz="14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m:rPr>
                          <m:nor/>
                        </m:rPr>
                        <a:rPr lang="en-US" sz="140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sigmoid</m:t>
                      </m:r>
                      <m:d>
                        <m:d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w</m:t>
                          </m:r>
                          <m:r>
                            <m:rPr>
                              <m:sty m:val="p"/>
                            </m:rPr>
                            <a:rPr lang="nl-NL" sz="1400" baseline="-250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x</m:t>
                          </m:r>
                        </m:e>
                      </m:d>
                      <m:r>
                        <a:rPr lang="en-US" sz="14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m:rPr>
                          <m:nor/>
                        </m:rPr>
                        <a:rPr lang="en-US" sz="140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sigmoid</m:t>
                      </m:r>
                      <m:d>
                        <m:d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∗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x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∗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x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r>
                            <a:rPr lang="en-US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…</m:t>
                          </m:r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p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∗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x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p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nl-NL" sz="1400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7A761B53-241C-0D9E-714D-1655A5CB42A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50702" y="3200511"/>
                <a:ext cx="3921298" cy="891398"/>
              </a:xfrm>
              <a:prstGeom prst="rect">
                <a:avLst/>
              </a:prstGeom>
              <a:blipFill>
                <a:blip r:embed="rId3"/>
                <a:stretch>
                  <a:fillRect l="-1711" t="-2740" b="-5479"/>
                </a:stretch>
              </a:blipFill>
            </p:spPr>
            <p:txBody>
              <a:bodyPr/>
              <a:lstStyle/>
              <a:p>
                <a:r>
                  <a:rPr lang="nl-NL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0" name="Picture 19">
            <a:extLst>
              <a:ext uri="{FF2B5EF4-FFF2-40B4-BE49-F238E27FC236}">
                <a16:creationId xmlns:a16="http://schemas.microsoft.com/office/drawing/2014/main" id="{2D9C526E-818E-29E4-3C95-EC84214AFA5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960620" y="1120140"/>
            <a:ext cx="3604260" cy="3754070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23516133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B2B8205-06C4-A05B-FB59-D7645D1D680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o neural networks</a:t>
            </a:r>
            <a:endParaRPr lang="nl-NL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8C893F8-6C8C-A681-8A3F-99076FFE49FE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511200" y="1120140"/>
            <a:ext cx="4449420" cy="3258928"/>
          </a:xfrm>
        </p:spPr>
        <p:txBody>
          <a:bodyPr>
            <a:normAutofit/>
          </a:bodyPr>
          <a:lstStyle/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dd one (or more)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hidden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layers </a:t>
            </a:r>
            <a:r>
              <a:rPr lang="en-US" sz="1200" dirty="0">
                <a:effectLst/>
                <a:latin typeface="Cambria Math" panose="02040503050406030204" pitchFamily="18" charset="0"/>
                <a:ea typeface="Cambria Math" panose="02040503050406030204" pitchFamily="18" charset="0"/>
                <a:cs typeface="Arial" panose="020B0604020202020204" pitchFamily="34" charset="0"/>
              </a:rPr>
              <a:t>h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with </a:t>
            </a:r>
            <a:r>
              <a:rPr lang="en-US" sz="1200" dirty="0">
                <a:effectLst/>
                <a:latin typeface="Cambria Math" panose="02040503050406030204" pitchFamily="18" charset="0"/>
                <a:ea typeface="Cambria Math" panose="02040503050406030204" pitchFamily="18" charset="0"/>
                <a:cs typeface="Arial" panose="020B0604020202020204" pitchFamily="34" charset="0"/>
              </a:rPr>
              <a:t>k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nodes (or units, cells, neurons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Every ‘neuron’ is a tiny function, the network is an arbitrarily complex function, in the simplest form it weighs, sums the inputs and applies an activation function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eights </a:t>
            </a:r>
            <a:r>
              <a:rPr lang="en-US" sz="1200" dirty="0" err="1">
                <a:effectLst/>
                <a:latin typeface="Cambria Math" panose="02040503050406030204" pitchFamily="18" charset="0"/>
                <a:ea typeface="Cambria Math" panose="02040503050406030204" pitchFamily="18" charset="0"/>
                <a:cs typeface="Times New Roman" panose="02020603050405020304" pitchFamily="18" charset="0"/>
              </a:rPr>
              <a:t>w</a:t>
            </a:r>
            <a:r>
              <a:rPr lang="en-US" sz="1200" baseline="-25000" dirty="0" err="1">
                <a:effectLst/>
                <a:latin typeface="Cambria Math" panose="02040503050406030204" pitchFamily="18" charset="0"/>
                <a:ea typeface="Cambria Math" panose="02040503050406030204" pitchFamily="18" charset="0"/>
                <a:cs typeface="Times New Roman" panose="02020603050405020304" pitchFamily="18" charset="0"/>
              </a:rPr>
              <a:t>i,j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 between node </a:t>
            </a:r>
            <a:r>
              <a:rPr lang="en-US" sz="1200" dirty="0">
                <a:effectLst/>
                <a:latin typeface="Cambria Math" panose="02040503050406030204" pitchFamily="18" charset="0"/>
                <a:ea typeface="Cambria Math" panose="02040503050406030204" pitchFamily="18" charset="0"/>
                <a:cs typeface="Times New Roman" panose="02020603050405020304" pitchFamily="18" charset="0"/>
              </a:rPr>
              <a:t>i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 and node </a:t>
            </a:r>
            <a:r>
              <a:rPr lang="en-US" sz="1200" dirty="0">
                <a:effectLst/>
                <a:latin typeface="Cambria Math" panose="02040503050406030204" pitchFamily="18" charset="0"/>
                <a:ea typeface="Cambria Math" panose="02040503050406030204" pitchFamily="18" charset="0"/>
                <a:cs typeface="Times New Roman" panose="02020603050405020304" pitchFamily="18" charset="0"/>
              </a:rPr>
              <a:t>j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 form a weight matrix </a:t>
            </a:r>
            <a:r>
              <a:rPr lang="en-US" sz="1200" dirty="0" err="1">
                <a:effectLst/>
                <a:latin typeface="Cambria Math" panose="02040503050406030204" pitchFamily="18" charset="0"/>
                <a:ea typeface="Cambria Math" panose="02040503050406030204" pitchFamily="18" charset="0"/>
                <a:cs typeface="Times New Roman" panose="02020603050405020304" pitchFamily="18" charset="0"/>
              </a:rPr>
              <a:t>W</a:t>
            </a:r>
            <a:r>
              <a:rPr lang="en-US" sz="1200" baseline="-25000" dirty="0" err="1">
                <a:effectLst/>
                <a:latin typeface="Cambria Math" panose="02040503050406030204" pitchFamily="18" charset="0"/>
                <a:ea typeface="Cambria Math" panose="02040503050406030204" pitchFamily="18" charset="0"/>
                <a:cs typeface="Times New Roman" panose="02020603050405020304" pitchFamily="18" charset="0"/>
              </a:rPr>
              <a:t>l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 per layer </a:t>
            </a:r>
            <a:r>
              <a:rPr lang="en-US" sz="1200" dirty="0">
                <a:effectLst/>
                <a:latin typeface="Cambria Math" panose="02040503050406030204" pitchFamily="18" charset="0"/>
                <a:ea typeface="Cambria Math" panose="02040503050406030204" pitchFamily="18" charset="0"/>
                <a:cs typeface="Times New Roman" panose="02020603050405020304" pitchFamily="18" charset="0"/>
              </a:rPr>
              <a:t>l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EFCBB3C-32FA-2FB5-9A48-175624A3AE2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4685"/>
          <a:stretch/>
        </p:blipFill>
        <p:spPr bwMode="auto">
          <a:xfrm>
            <a:off x="5100122" y="1188719"/>
            <a:ext cx="3728837" cy="3818829"/>
          </a:xfrm>
          <a:prstGeom prst="rect">
            <a:avLst/>
          </a:prstGeom>
          <a:noFill/>
          <a:ln>
            <a:noFill/>
          </a:ln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D532D7F1-C913-2810-CB49-E287F984FD04}"/>
                  </a:ext>
                </a:extLst>
              </p:cNvPr>
              <p:cNvSpPr txBox="1"/>
              <p:nvPr/>
            </p:nvSpPr>
            <p:spPr>
              <a:xfrm>
                <a:off x="641911" y="3284331"/>
                <a:ext cx="4187998" cy="94487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acc>
                        <m:accPr>
                          <m:chr m:val="̂"/>
                          <m:ctrlPr>
                            <a:rPr lang="nl-NL" sz="14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y</m:t>
                          </m:r>
                        </m:e>
                      </m:acc>
                      <m:d>
                        <m:d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x</m:t>
                          </m:r>
                        </m:e>
                      </m:d>
                      <m:r>
                        <a:rPr lang="en-US" sz="14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sz="1400" b="0" i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sigmoid</m:t>
                          </m:r>
                          <m:r>
                            <a:rPr lang="en-US" sz="1400" b="0" i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w</m:t>
                          </m:r>
                        </m:e>
                        <m: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m:oMathPara>
                </a14:m>
                <a:endParaRPr lang="en-US" sz="1400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4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w</m:t>
                          </m:r>
                        </m:e>
                        <m:sub>
                          <m:r>
                            <a:rPr lang="en-US" sz="14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1</m:t>
                          </m:r>
                        </m:sub>
                      </m:sSub>
                      <m:r>
                        <a:rPr lang="en-US" sz="14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∗</m:t>
                      </m:r>
                      <m:r>
                        <m:rPr>
                          <m:nor/>
                        </m:rPr>
                        <a:rPr lang="en-US" sz="140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sigmoid</m:t>
                      </m:r>
                      <m:d>
                        <m:dPr>
                          <m:ctrlPr>
                            <a:rPr lang="nl-NL" sz="14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,1</m:t>
                              </m:r>
                            </m:sub>
                          </m:sSub>
                          <m:r>
                            <a:rPr lang="en-US" sz="14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∗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x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1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∗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x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en-US" sz="1400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4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w</m:t>
                          </m:r>
                        </m:e>
                        <m:sub>
                          <m:r>
                            <a:rPr lang="en-US" sz="14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r>
                        <a:rPr lang="en-US" sz="14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∗</m:t>
                      </m:r>
                      <m:r>
                        <m:rPr>
                          <m:nor/>
                        </m:rPr>
                        <a:rPr lang="en-US" sz="140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sigmoid</m:t>
                      </m:r>
                      <m:d>
                        <m:d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,</m:t>
                              </m:r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∗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x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∗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x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en-US" sz="1400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4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nl-NL" sz="140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w</m:t>
                          </m:r>
                        </m:e>
                        <m:sub>
                          <m:r>
                            <a:rPr lang="en-US" sz="14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r>
                        <a:rPr lang="en-US" sz="14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∗</m:t>
                      </m:r>
                      <m:r>
                        <m:rPr>
                          <m:nor/>
                        </m:rPr>
                        <a:rPr lang="en-US" sz="140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sigmoid</m:t>
                      </m:r>
                      <m:d>
                        <m:dPr>
                          <m:ctrlPr>
                            <a:rPr lang="nl-NL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0,</m:t>
                              </m:r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3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3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∗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x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w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3</m:t>
                              </m:r>
                            </m:sub>
                          </m:sSub>
                          <m:r>
                            <a:rPr lang="en-US" sz="1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∗</m:t>
                          </m:r>
                          <m:sSub>
                            <m:sSubPr>
                              <m:ctrlPr>
                                <a:rPr lang="nl-NL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nl-NL" sz="14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x</m:t>
                              </m:r>
                            </m:e>
                            <m:sub>
                              <m:r>
                                <a:rPr lang="en-US" sz="14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2</m:t>
                              </m:r>
                            </m:sub>
                          </m:sSub>
                        </m:e>
                      </m:d>
                      <m:r>
                        <a:rPr lang="en-US" sz="14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nl-NL" sz="1400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D532D7F1-C913-2810-CB49-E287F984FD0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41911" y="3284331"/>
                <a:ext cx="4187998" cy="944874"/>
              </a:xfrm>
              <a:prstGeom prst="rect">
                <a:avLst/>
              </a:prstGeom>
              <a:blipFill>
                <a:blip r:embed="rId3"/>
                <a:stretch>
                  <a:fillRect l="-1456" t="-3226" b="-5161"/>
                </a:stretch>
              </a:blipFill>
            </p:spPr>
            <p:txBody>
              <a:bodyPr/>
              <a:lstStyle/>
              <a:p>
                <a:r>
                  <a:rPr lang="nl-NL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7392739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B4DE51-0DD2-45F1-5F86-55B407D393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ding more layer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B7438C6-9D5C-8915-86E6-F60701BC4EB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6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5AB5131-75F6-90AD-3D25-492B38AABE46}"/>
              </a:ext>
            </a:extLst>
          </p:cNvPr>
          <p:cNvSpPr txBox="1"/>
          <p:nvPr/>
        </p:nvSpPr>
        <p:spPr>
          <a:xfrm>
            <a:off x="624840" y="1192560"/>
            <a:ext cx="7566660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Add more layers, and more nodes per layer, to make the model more complex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For simplicity, we don’t draw the biases (but remember that they are there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In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dense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(fully-connected) layers, every previous layer node is connected to all node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The output layer can also have multiple nodes (e.g. 1 per class in multi-class classification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D675823-88D8-4578-6013-B3BD5E19890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67840" y="2023557"/>
            <a:ext cx="4899660" cy="24350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178907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12FE71-FCCB-87D4-2D5D-3CD8BE5635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y more layer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6C15863-4390-80C4-2267-99D392C7175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7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34C2AAA-DBB0-A20E-6450-EF4117BD8331}"/>
              </a:ext>
            </a:extLst>
          </p:cNvPr>
          <p:cNvSpPr txBox="1"/>
          <p:nvPr/>
        </p:nvSpPr>
        <p:spPr>
          <a:xfrm>
            <a:off x="331470" y="1172855"/>
            <a:ext cx="3544255" cy="286232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Each layer acts as a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filter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and learns a new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representation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 of the data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ubsequent layers can learn iterative refinement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Easier that learning a complex relationship in one go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Example: for image input, each layer yields new (filtered) images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Arial" panose="020B0604020202020204" pitchFamily="34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an learn multiple mappings at once: weight </a:t>
            </a:r>
            <a:r>
              <a:rPr lang="en-US" sz="1200" i="1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ensor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 \(\</a:t>
            </a:r>
            <a:r>
              <a:rPr lang="en-US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athit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{W}\) yields activation tensor \(\</a:t>
            </a:r>
            <a:r>
              <a:rPr lang="en-US" sz="1200" dirty="0" err="1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athit</a:t>
            </a: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{A}\)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From low-level patterns (edges, end-points, …) to combinations thereof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742950" lvl="1" indent="-285750">
              <a:buSzPts val="1000"/>
              <a:buFont typeface="Courier New" panose="02070309020205020404" pitchFamily="49" charset="0"/>
              <a:buChar char="o"/>
              <a:tabLst>
                <a:tab pos="914400" algn="l"/>
              </a:tabLst>
            </a:pPr>
            <a:r>
              <a:rPr lang="en-US" sz="1200" dirty="0">
                <a:effectLst/>
                <a:latin typeface="Aptos" panose="020B00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Each neuron ‘lights up’ if certain patterns occur in the input</a:t>
            </a:r>
            <a:endParaRPr lang="nl-NL" sz="12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2050" name="Picture 2" descr="The 8 Neural Network Architectures Machine Learning Researchers Need to  Learn — James Le">
            <a:extLst>
              <a:ext uri="{FF2B5EF4-FFF2-40B4-BE49-F238E27FC236}">
                <a16:creationId xmlns:a16="http://schemas.microsoft.com/office/drawing/2014/main" id="{985E932D-E7DC-54A9-CF9B-E168226F49A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990025" y="1256228"/>
            <a:ext cx="4762500" cy="26955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48965356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86440-B421-1F0D-4829-E6D50CF4FC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rchitecture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539E3-C8D0-D99D-822E-FDFEB26969B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8</a:t>
            </a:fld>
            <a:endParaRPr lang="en-GB" dirty="0"/>
          </a:p>
        </p:txBody>
      </p:sp>
      <p:pic>
        <p:nvPicPr>
          <p:cNvPr id="5" name="Picture 4" descr="ml">
            <a:extLst>
              <a:ext uri="{FF2B5EF4-FFF2-40B4-BE49-F238E27FC236}">
                <a16:creationId xmlns:a16="http://schemas.microsoft.com/office/drawing/2014/main" id="{CA023E19-35F5-E8BA-8882-C58B9C8E907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6606" y="1239691"/>
            <a:ext cx="7570788" cy="3161803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17518184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7FB5D7-FA90-DF50-FC65-2B52F58C06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tivation functions</a:t>
            </a:r>
            <a:endParaRPr lang="nl-NL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30120AC-6625-9F61-9AFA-5234427107F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9</a:t>
            </a:fld>
            <a:endParaRPr lang="en-GB" dirty="0"/>
          </a:p>
        </p:txBody>
      </p:sp>
      <p:pic>
        <p:nvPicPr>
          <p:cNvPr id="5122" name="Picture 2" descr="Activation Functions in Neural Networks: 15 examples | Encord">
            <a:extLst>
              <a:ext uri="{FF2B5EF4-FFF2-40B4-BE49-F238E27FC236}">
                <a16:creationId xmlns:a16="http://schemas.microsoft.com/office/drawing/2014/main" id="{99643438-5CD8-6F04-4F4A-9CF2170C4E1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469" t="8680" r="4904"/>
          <a:stretch/>
        </p:blipFill>
        <p:spPr bwMode="auto">
          <a:xfrm>
            <a:off x="1623060" y="1090849"/>
            <a:ext cx="5265420" cy="33682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97783398"/>
      </p:ext>
    </p:extLst>
  </p:cSld>
  <p:clrMapOvr>
    <a:masterClrMapping/>
  </p:clrMapOvr>
</p:sld>
</file>

<file path=ppt/theme/theme1.xml><?xml version="1.0" encoding="utf-8"?>
<a:theme xmlns:a="http://schemas.openxmlformats.org/drawingml/2006/main" name="De Nederlandsche Bank (2023)">
  <a:themeElements>
    <a:clrScheme name="De Nederlandsche Bank (2023)">
      <a:dk1>
        <a:sysClr val="windowText" lastClr="000000"/>
      </a:dk1>
      <a:lt1>
        <a:sysClr val="window" lastClr="FFFFFF"/>
      </a:lt1>
      <a:dk2>
        <a:srgbClr val="A4A6B2"/>
      </a:dk2>
      <a:lt2>
        <a:srgbClr val="FAFAFC"/>
      </a:lt2>
      <a:accent1>
        <a:srgbClr val="1226AA"/>
      </a:accent1>
      <a:accent2>
        <a:srgbClr val="3B54F5"/>
      </a:accent2>
      <a:accent3>
        <a:srgbClr val="FAAA00"/>
      </a:accent3>
      <a:accent4>
        <a:srgbClr val="FCC859"/>
      </a:accent4>
      <a:accent5>
        <a:srgbClr val="0C8754"/>
      </a:accent5>
      <a:accent6>
        <a:srgbClr val="4AD480"/>
      </a:accent6>
      <a:hlink>
        <a:srgbClr val="3B54F5"/>
      </a:hlink>
      <a:folHlink>
        <a:srgbClr val="73C2FA"/>
      </a:folHlink>
    </a:clrScheme>
    <a:fontScheme name="DNB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Kantoorthema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DNB-Standaard_Presentatie.potx" id="{3D8167A5-888E-4A95-B8C5-5CB723F715B6}" vid="{5E4DA577-467E-4056-BD5F-387FCD8B9AEF}"/>
    </a:ext>
  </a:extLst>
</a:theme>
</file>

<file path=ppt/theme/theme2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  <_ip_UnifiedCompliancePolicyProperties xmlns="http://schemas.microsoft.com/sharepoint/v3" xsi:nil="true"/>
  </documentManagement>
</p:properties>
</file>

<file path=customXml/item4.xml><?xml version="1.0" encoding="utf-8"?>
<TemplafyFormConfiguration><![CDATA[{"formFields":[{"required":false,"placeholder":"","lines":1,"defaultValue":"{{UserProfile.FullName}}","helpTexts":{},"spacing":{},"shareValue":false,"type":"textBox","name":"NaamPresentatorEnOfInhoudelijkverantwoordelijke","label":"Naam Presentator en/of inhoudelijkverantwoordelijke"},{"required":false,"helpTexts":{},"spacing":{},"shareValue":false,"type":"datePicker","name":"Datum","label":"Datum"}],"formDataEntries":[{"name":"NaamPresentatorEnOfInhoudelijkverantwoordelijke","value":"kHpJ4j7iFMiQRgMikRPYIMsQ/hT6EhzhmHX9f/qFsQw="},{"name":"Datum","value":"fmqYxgzVnnR6oZVKmZo39Q=="}]}]]></TemplafyFormConfiguration>
</file>

<file path=customXml/item5.xml><?xml version="1.0" encoding="utf-8"?>
<TemplafyTemplateConfiguration><![CDATA[{"elementsMetadata":[{"type":"shape","id":"67640644-1ae8-4d41-b321-8d1986cdab91","elementConfiguration":{"binding":"{{FormatDateTime(Form.Datum, \"d MMMM yyyy\", \"nl-NL\")}}","visibility":"","type":"text","disableUpdates":false}},{"type":"shape","id":"97c5058d-7f7a-44e7-9c27-5c8ca211bbf4","elementConfiguration":{"binding":"{{Form.NaamPresentatorEnOfInhoudelijkverantwoordelijke}}","visibility":"","type":"text","disableUpdates":false}},{"type":"shape","id":"2968e501-96d4-4c81-b41e-5c5b40ba3a1c","elementConfiguration":{"binding":"{{FormatDateTime(Form.Datum, \"d MMMM yyyy\", \"nl-NL\")}}","visibility":"","type":"text","disableUpdates":false}},{"type":"shape","id":"8deedf31-1a4e-4b97-b8b1-5475ea44e605","elementConfiguration":{"binding":"{{Form.NaamPresentatorEnOfInhoudelijkverantwoordelijke}}","visibility":"","type":"text","disableUpdates":false}},{"type":"shape","id":"f1ca9fdb-c388-4ee8-a2ef-0adce3f40036","elementConfiguration":{"binding":"{{FormatDateTime(Form.Datum, \"d MMMM yyyy\", \"nl-NL\")}}","visibility":"","type":"text","disableUpdates":false}},{"type":"shape","id":"b5558885-9546-425e-812d-c9fb982495f5","elementConfiguration":{"binding":"{{Form.NaamPresentatorEnOfInhoudelijkverantwoordelijke}}","visibility":"","type":"text","disableUpdates":false}},{"type":"shape","id":"6b8b3b99-867c-4f11-aeed-e99588ad6f46","elementConfiguration":{"binding":"{{FormatDateTime(Form.Datum, \"d MMMM yyyy\", \"nl-NL\")}}","visibility":"","type":"text","disableUpdates":false}},{"type":"shape","id":"16d11457-1054-4263-aa6d-4f5c70275563","elementConfiguration":{"binding":"{{FormatDateTime(Form.Datum, \"d MMMM yyyy\", \"nl-NL\")}}","visibility":"","type":"text","disableUpdates":false}}],"transformationConfigurations":[],"templateName":"Leeg DNB-sjabloon","templateDescription":"","enableDocumentContentUpdater":false,"version":"2.0"}]]></TemplafyTemplateConfiguration>
</file>

<file path=customXml/item6.xml><?xml version="1.0" encoding="utf-8"?>
<TemplafySlideFormConfiguration><![CDATA[{"formFields":[{"required":false,"placeholder":"","lines":1,"defaultValue":"{{UserProfile.FullName}}","helpTexts":{},"spacing":{},"shareValue":false,"type":"textBox","name":"NaamPresentatorEnOfInhoudelijkverantwoordelijke","label":"Naam Presentator en/of inhoudelijkverantwoordelijke"},{"required":false,"helpTexts":{},"spacing":{},"shareValue":false,"type":"datePicker","name":"Datum","label":"Datum"}],"formDataEntries":[]}]]></TemplafySlideFormConfiguration>
</file>

<file path=customXml/item7.xml><?xml version="1.0" encoding="utf-8"?>
<TemplafySlideTemplateConfiguration><![CDATA[{"slideVersion":1,"isValidatorEnabled":false,"isLocked":false,"elementsMetadata":[{"type":"shape","elementConfiguration":{"binding":"{{FormatDateTime(Form.Datum, \"d MMMM yyyy\", \"nl-NL\")}}","visibility":"","type":"text","disableUpdates":false}},{"type":"shape","elementConfiguration":{"binding":"{{Form.NaamPresentatorEnOfInhoudelijkverantwoordelijke}}","visibility":"","type":"text","disableUpdates":false}}],"slideId":"638423792807818998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423792808726123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B027114-F96B-4891-9771-062201D0376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6FB50EAF-85F9-4BB6-AF25-CD110D2224D3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F320FA6E-5F2D-45C9-AE36-17C3F52F3B16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22a3f1e7-1ad8-4567-967d-700183da1d1b"/>
    <ds:schemaRef ds:uri="aacb7df8-672f-46f2-977f-893ce5cef86b"/>
  </ds:schemaRefs>
</ds:datastoreItem>
</file>

<file path=customXml/itemProps4.xml><?xml version="1.0" encoding="utf-8"?>
<ds:datastoreItem xmlns:ds="http://schemas.openxmlformats.org/officeDocument/2006/customXml" ds:itemID="{80F4265C-BBA1-4F23-9536-FBE34E9D938C}">
  <ds:schemaRefs/>
</ds:datastoreItem>
</file>

<file path=customXml/itemProps5.xml><?xml version="1.0" encoding="utf-8"?>
<ds:datastoreItem xmlns:ds="http://schemas.openxmlformats.org/officeDocument/2006/customXml" ds:itemID="{E00ECDCE-5079-47E1-9724-204E3E87B425}">
  <ds:schemaRefs/>
</ds:datastoreItem>
</file>

<file path=customXml/itemProps6.xml><?xml version="1.0" encoding="utf-8"?>
<ds:datastoreItem xmlns:ds="http://schemas.openxmlformats.org/officeDocument/2006/customXml" ds:itemID="{4E6F4849-4F91-426B-888E-12067969BD58}">
  <ds:schemaRefs/>
</ds:datastoreItem>
</file>

<file path=customXml/itemProps7.xml><?xml version="1.0" encoding="utf-8"?>
<ds:datastoreItem xmlns:ds="http://schemas.openxmlformats.org/officeDocument/2006/customXml" ds:itemID="{596BD79C-479E-434C-A815-2D61F0524016}">
  <ds:schemaRefs/>
</ds:datastoreItem>
</file>

<file path=customXml/itemProps8.xml><?xml version="1.0" encoding="utf-8"?>
<ds:datastoreItem xmlns:ds="http://schemas.openxmlformats.org/officeDocument/2006/customXml" ds:itemID="{07E65403-D850-4EA1-A512-A2C0B8199967}">
  <ds:schemaRefs/>
</ds:datastoreItem>
</file>

<file path=customXml/itemProps9.xml><?xml version="1.0" encoding="utf-8"?>
<ds:datastoreItem xmlns:ds="http://schemas.openxmlformats.org/officeDocument/2006/customXml" ds:itemID="{B1FE6337-6A98-4C1E-8587-3C680BC14092}">
  <ds:schemaRefs/>
</ds:datastoreItem>
</file>

<file path=docMetadata/LabelInfo.xml><?xml version="1.0" encoding="utf-8"?>
<clbl:labelList xmlns:clbl="http://schemas.microsoft.com/office/2020/mipLabelMetadata">
  <clbl:label id="{9ecbd628-0072-405d-8567-32c6750b0d3e}" enabled="0" method="" siteId="{9ecbd628-0072-405d-8567-32c6750b0d3e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DNB-Standaard_Presentatie</Template>
  <TotalTime>3538</TotalTime>
  <Words>1471</Words>
  <Application>Microsoft Office PowerPoint</Application>
  <PresentationFormat>On-screen Show (16:9)</PresentationFormat>
  <Paragraphs>186</Paragraphs>
  <Slides>3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1</vt:i4>
      </vt:variant>
    </vt:vector>
  </HeadingPairs>
  <TitlesOfParts>
    <vt:vector size="41" baseType="lpstr">
      <vt:lpstr>-apple-system</vt:lpstr>
      <vt:lpstr>Aptos</vt:lpstr>
      <vt:lpstr>Arial</vt:lpstr>
      <vt:lpstr>Calibri</vt:lpstr>
      <vt:lpstr>Cambria Math</vt:lpstr>
      <vt:lpstr>Courier New</vt:lpstr>
      <vt:lpstr>Symbol</vt:lpstr>
      <vt:lpstr>Verdana</vt:lpstr>
      <vt:lpstr>Wingdings</vt:lpstr>
      <vt:lpstr>De Nederlandsche Bank (2023)</vt:lpstr>
      <vt:lpstr>PowerPoint Presentation</vt:lpstr>
      <vt:lpstr>What are we going to do this afternoon</vt:lpstr>
      <vt:lpstr>PowerPoint Presentation</vt:lpstr>
      <vt:lpstr>From logistic regression</vt:lpstr>
      <vt:lpstr>To neural networks</vt:lpstr>
      <vt:lpstr>Adding more layers</vt:lpstr>
      <vt:lpstr>Why more layers</vt:lpstr>
      <vt:lpstr>Architectures</vt:lpstr>
      <vt:lpstr>Activation functions</vt:lpstr>
      <vt:lpstr>Convolution layer</vt:lpstr>
      <vt:lpstr>Long short term memory layer</vt:lpstr>
      <vt:lpstr>Attention layer</vt:lpstr>
      <vt:lpstr>Transformer layers</vt:lpstr>
      <vt:lpstr>Preprocessing</vt:lpstr>
      <vt:lpstr>Training neural networks</vt:lpstr>
      <vt:lpstr>Training algorithms</vt:lpstr>
      <vt:lpstr>Backpropagation </vt:lpstr>
      <vt:lpstr>Transfer learning</vt:lpstr>
      <vt:lpstr>Optimisers</vt:lpstr>
      <vt:lpstr>Performance</vt:lpstr>
      <vt:lpstr>Performance</vt:lpstr>
      <vt:lpstr>Hyperparameters</vt:lpstr>
      <vt:lpstr>How to know the model is trained well</vt:lpstr>
      <vt:lpstr>PowerPoint Presentation</vt:lpstr>
      <vt:lpstr>PowerPoint Presentation</vt:lpstr>
      <vt:lpstr>PowerPoint Presentation</vt:lpstr>
      <vt:lpstr>Dropout</vt:lpstr>
      <vt:lpstr>Batch Normalisation </vt:lpstr>
      <vt:lpstr>PowerPoint Presentation</vt:lpstr>
      <vt:lpstr>PyTorch framework</vt:lpstr>
      <vt:lpstr>PowerPoint Presentation</vt:lpstr>
    </vt:vector>
  </TitlesOfParts>
  <Company>De Nederlandsche Ban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Nijhuis, M. (Michiel) (EBO_DSH)</cp:lastModifiedBy>
  <cp:revision>23</cp:revision>
  <dcterms:created xsi:type="dcterms:W3CDTF">2024-07-04T05:39:40Z</dcterms:created>
  <dcterms:modified xsi:type="dcterms:W3CDTF">2024-10-17T17:15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ClassificationContentMarkingHeaderText">
    <vt:lpwstr>| DNB UNRESTRICTED |</vt:lpwstr>
  </property>
  <property fmtid="{D5CDD505-2E9C-101B-9397-08002B2CF9AE}" pid="4" name="TemplafyTimeStamp">
    <vt:lpwstr>2024-02-01T10:14:40</vt:lpwstr>
  </property>
  <property fmtid="{D5CDD505-2E9C-101B-9397-08002B2CF9AE}" pid="5" name="TemplafyTenantId">
    <vt:lpwstr>dnb</vt:lpwstr>
  </property>
  <property fmtid="{D5CDD505-2E9C-101B-9397-08002B2CF9AE}" pid="6" name="TemplafyTemplateId">
    <vt:lpwstr>836000601710002206</vt:lpwstr>
  </property>
  <property fmtid="{D5CDD505-2E9C-101B-9397-08002B2CF9AE}" pid="7" name="TemplafyUserProfileId">
    <vt:lpwstr>638255208688204160</vt:lpwstr>
  </property>
  <property fmtid="{D5CDD505-2E9C-101B-9397-08002B2CF9AE}" pid="8" name="TemplafyFromBlank">
    <vt:bool>true</vt:bool>
  </property>
</Properties>
</file>